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44" r:id="rId1"/>
  </p:sldMasterIdLst>
  <p:notesMasterIdLst>
    <p:notesMasterId r:id="rId3"/>
  </p:notesMasterIdLst>
  <p:sldIdLst>
    <p:sldId id="935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4546A"/>
    <a:srgbClr val="7086A4"/>
    <a:srgbClr val="E9EEF2"/>
    <a:srgbClr val="FF5050"/>
    <a:srgbClr val="FF7C80"/>
    <a:srgbClr val="81955B"/>
    <a:srgbClr val="E8EEF8"/>
    <a:srgbClr val="4D355D"/>
    <a:srgbClr val="A485B9"/>
    <a:srgbClr val="61819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1506" autoAdjust="0"/>
    <p:restoredTop sz="96374" autoAdjust="0"/>
  </p:normalViewPr>
  <p:slideViewPr>
    <p:cSldViewPr snapToGrid="0">
      <p:cViewPr>
        <p:scale>
          <a:sx n="47" d="100"/>
          <a:sy n="47" d="100"/>
        </p:scale>
        <p:origin x="2112" y="1600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4/23/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BA7A46-A3E6-4C15-8A4F-2E511648F64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4283DBD-DBF8-4B72-8879-A112C28A5E8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99404D-7A9E-4637-B52D-8500318156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4/23/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116272-3AF4-467E-9683-ED008113F8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AC3B4B-9A22-42FE-83FA-AAE185AE9C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849722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C8B3AB-DAF5-483C-B090-3AABA561E3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D03F314-EF08-4F24-8CE2-790F891D8E3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C34D4A-882D-401D-A63F-F20ABBF03D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4/23/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020F6A-053C-498F-BB69-1240CB811F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DB962E-DB1D-4F7E-9CC3-B88632B7E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93632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74419AA-E84D-48DE-9C73-659FD81956E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BE4699C-6922-412B-94CA-406BE1720D9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E6713DC-EF69-4DC3-84C2-25D24CDFA2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4/23/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9FD102-1503-41C3-A7A9-142E6D7ABE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9DC7F4-21FF-4C9C-98C0-F1051F91C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733018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8019F2-FD2A-4BA7-8F67-C0E1C43374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DDC5841-04A5-458C-AE69-D827BA29983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24A68D-E647-41EB-9F29-E8C79129E0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4/23/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F208C8A-1225-44B9-806A-4771660F70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A5486F-63A8-4A74-B5B3-7E72B248B7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89041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013844-9930-4479-8911-487A44563E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3931876-8CDB-4111-885C-DBB496388FF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F94714-E7F6-430E-BD13-ACB39A16D9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4/23/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1E9F45-7D17-448C-8AFB-4C3CF4904F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9D4592F-1ADD-458A-B19C-4BAEBB1987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100162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8FA3D4-2C53-40EE-BB87-C97C3F800D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34BCFBD-B808-46C2-A1CB-A4E287A6178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D8A9D80-470E-440A-93CD-8B05229080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D83FBE-6FBF-493C-A604-52BA2DEBF8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4/23/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9C9D0D-0105-42C2-8A61-6567FF6024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6BC5A63-B2CB-43C8-984A-2E1AFE00A8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450120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8947FE-F115-406E-A2D7-8C6A61D2A9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27D0B45-3C13-4D50-A7B5-44E2BF45893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21F7E04-C209-41E5-98D5-2BBB2E8B248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C350BCB-73C6-4BE7-AE7B-873AD3E048F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38866B8-F2C8-4865-B0E8-6CA2E9F115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D270913-717F-4BDB-A75B-788875923E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4/23/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C4BE7A5-BEE6-40E8-BCEB-1CCD485232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ACD4621-AD64-4265-B971-084FCA0555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842909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D3FA62-1D87-44E5-B770-37F8A6B05D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E4EBC61-1120-4D33-A7BD-4C971AFC84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4/23/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5AA0A5F-0C72-431C-8AA9-79C7FC2435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2F260C3-62CE-4848-8AC7-35E1A417AD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8608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578638C-D794-47AF-BE65-A06A91FFA2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4/23/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DD5D90A-398B-47E5-80ED-7EBB25B955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FFA4BE-7D79-4235-AF1E-A879BCFE11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95179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FD3385-7DCF-4D97-8142-DCF818DC3E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CAACAA-96FB-4C9D-ABDC-55FE888A1DB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AF99227-06EE-4E0D-B5CC-94F1E04DCA6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5C948D8-E996-4978-8684-4ECB023776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4/23/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B441BCE-37A9-4879-B8B3-272785AB94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253B513-96DD-4AA0-B986-5A686270B8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047930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8FC1AB-77F9-4A10-947E-ABEFAF3AB6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057F43-3F5B-4A6F-898C-30E3AFDE7C6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68016EF-1C89-4C1D-A3F6-041CB22D9C6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5C8B2D4-73C1-4813-8184-27B232D6B1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4/23/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9CB3CB2-F60D-4CFB-8185-490A5AFE2C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49A3E2B-0E2E-437B-AA94-73C09607D4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6037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2C48E70-4D2D-4EB1-A2FA-5A2B0E8ED0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ACF1772-C888-45D3-85D2-8636A911EF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91ED9C7-E26E-496C-99A9-EAA48AC2605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4/23/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8E3C0AD-D8DC-4937-A81E-C0D303B29DC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5A4FDA-CFCD-46A2-95C7-327C8278157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29794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5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51" r:id="rId7"/>
    <p:sldLayoutId id="2147483752" r:id="rId8"/>
    <p:sldLayoutId id="2147483753" r:id="rId9"/>
    <p:sldLayoutId id="2147483754" r:id="rId10"/>
    <p:sldLayoutId id="214748375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slideLayout" Target="../slideLayouts/slideLayout6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9" name="OTLSHAPE_SL_d0a0bb0d1fc041dcae3f3d5d731aa83b_HeaderRectangle">
            <a:extLst>
              <a:ext uri="{FF2B5EF4-FFF2-40B4-BE49-F238E27FC236}">
                <a16:creationId xmlns:a16="http://schemas.microsoft.com/office/drawing/2014/main" id="{08582FB3-75C4-4508-9F72-C3ED14D482A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285272" y="2483107"/>
            <a:ext cx="847879" cy="1392521"/>
          </a:xfrm>
          <a:prstGeom prst="rect">
            <a:avLst/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_e5f2b54cc09b484697a60147fb763d90_BackgroundRectangle">
            <a:extLst>
              <a:ext uri="{FF2B5EF4-FFF2-40B4-BE49-F238E27FC236}">
                <a16:creationId xmlns:a16="http://schemas.microsoft.com/office/drawing/2014/main" id="{219B4D7E-F8A5-4C65-BC5E-E65676BB5DD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132532" y="3688889"/>
            <a:ext cx="10702804" cy="1718407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_d0a0bb0d1fc041dcae3f3d5d731aa83b_BackgroundRectangle">
            <a:extLst>
              <a:ext uri="{FF2B5EF4-FFF2-40B4-BE49-F238E27FC236}">
                <a16:creationId xmlns:a16="http://schemas.microsoft.com/office/drawing/2014/main" id="{77F285A0-D4B5-4AE1-8F66-64F569EFB21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89525" y="2486598"/>
            <a:ext cx="10702803" cy="1214435"/>
          </a:xfrm>
          <a:prstGeom prst="rect">
            <a:avLst/>
          </a:prstGeom>
          <a:solidFill>
            <a:schemeClr val="accent5">
              <a:lumMod val="60000"/>
              <a:lumOff val="40000"/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4" name="OTLSHAPE_SL_ec407117895940e0a33afcddca9ac217_BackgroundRectangle">
            <a:extLst>
              <a:ext uri="{FF2B5EF4-FFF2-40B4-BE49-F238E27FC236}">
                <a16:creationId xmlns:a16="http://schemas.microsoft.com/office/drawing/2014/main" id="{8BC45AB6-2838-487E-BEE4-7DCC0C990023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29090" y="5406142"/>
            <a:ext cx="10703426" cy="585287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2ED6C8D6-71C8-4385-A02D-1ED8D2E4793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32532" y="1878772"/>
            <a:ext cx="10696543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44546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6" name="OTLSHAPE_SL_e5f2b54cc09b484697a60147fb763d90_HeaderRectangle">
            <a:extLst>
              <a:ext uri="{FF2B5EF4-FFF2-40B4-BE49-F238E27FC236}">
                <a16:creationId xmlns:a16="http://schemas.microsoft.com/office/drawing/2014/main" id="{47C9A1CE-83F1-4467-AD36-183B94418074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285221" y="3705457"/>
            <a:ext cx="847879" cy="1707883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5" name="OTLSHAPE_SL_ec407117895940e0a33afcddca9ac217_HeaderRectangle">
            <a:extLst>
              <a:ext uri="{FF2B5EF4-FFF2-40B4-BE49-F238E27FC236}">
                <a16:creationId xmlns:a16="http://schemas.microsoft.com/office/drawing/2014/main" id="{B1BC941F-7C0E-44D7-9F88-E8D838C3A00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284653" y="5404611"/>
            <a:ext cx="847879" cy="578852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7" name="OTLSHAPE_G_00000000000000000000000000000000_ShapeBelow0">
            <a:extLst>
              <a:ext uri="{FF2B5EF4-FFF2-40B4-BE49-F238E27FC236}">
                <a16:creationId xmlns:a16="http://schemas.microsoft.com/office/drawing/2014/main" id="{13A41DDC-0F58-476C-8A6B-9880D6868790}"/>
              </a:ext>
            </a:extLst>
          </p:cNvPr>
          <p:cNvCxnSpPr>
            <a:cxnSpLocks/>
            <a:stCxn id="23" idx="0"/>
          </p:cNvCxnSpPr>
          <p:nvPr>
            <p:custDataLst>
              <p:tags r:id="rId9"/>
            </p:custDataLst>
          </p:nvPr>
        </p:nvCxnSpPr>
        <p:spPr>
          <a:xfrm>
            <a:off x="2834012" y="1879227"/>
            <a:ext cx="0" cy="4116379"/>
          </a:xfrm>
          <a:prstGeom prst="line">
            <a:avLst/>
          </a:prstGeom>
          <a:ln w="285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SLM_c81b46d3284c4b8b8f210faa2910f49b_Shape">
            <a:extLst>
              <a:ext uri="{FF2B5EF4-FFF2-40B4-BE49-F238E27FC236}">
                <a16:creationId xmlns:a16="http://schemas.microsoft.com/office/drawing/2014/main" id="{CDCB3EB9-44A9-46E4-8E28-E00D67CD66E0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0087828" y="2552765"/>
            <a:ext cx="161149" cy="174337"/>
          </a:xfrm>
          <a:prstGeom prst="star8">
            <a:avLst/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SLM_18b4805670c54bafba548f70c19a4604_Shape">
            <a:extLst>
              <a:ext uri="{FF2B5EF4-FFF2-40B4-BE49-F238E27FC236}">
                <a16:creationId xmlns:a16="http://schemas.microsoft.com/office/drawing/2014/main" id="{29CCF2D0-B6EA-4383-830C-483313D6CFB0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0120473" y="5642016"/>
            <a:ext cx="161149" cy="174337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SL_e5f2b54cc09b484697a60147fb763d90_Header">
            <a:extLst>
              <a:ext uri="{FF2B5EF4-FFF2-40B4-BE49-F238E27FC236}">
                <a16:creationId xmlns:a16="http://schemas.microsoft.com/office/drawing/2014/main" id="{E1AA7CD0-A4D2-456C-8F05-2F1C56114C7B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296804" y="4393246"/>
            <a:ext cx="803154" cy="1976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rgbClr val="1B1013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90" name="OTLSHAPE_SL_d0a0bb0d1fc041dcae3f3d5d731aa83b_Header">
            <a:extLst>
              <a:ext uri="{FF2B5EF4-FFF2-40B4-BE49-F238E27FC236}">
                <a16:creationId xmlns:a16="http://schemas.microsoft.com/office/drawing/2014/main" id="{07B39A4E-6BC5-474F-B518-680451AB2082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284996" y="3101813"/>
            <a:ext cx="803154" cy="1976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96" name="OTLSHAPE_SL_ec407117895940e0a33afcddca9ac217_Header">
            <a:extLst>
              <a:ext uri="{FF2B5EF4-FFF2-40B4-BE49-F238E27FC236}">
                <a16:creationId xmlns:a16="http://schemas.microsoft.com/office/drawing/2014/main" id="{2365F94C-F7B8-4D8C-874E-ECCF96E8F9BF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89256" y="5613879"/>
            <a:ext cx="1039920" cy="1781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rgbClr val="331E1C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66" name="OTLSHAPE_TB_00000000000000000000000000000000_TodayMarkerShape">
            <a:extLst>
              <a:ext uri="{FF2B5EF4-FFF2-40B4-BE49-F238E27FC236}">
                <a16:creationId xmlns:a16="http://schemas.microsoft.com/office/drawing/2014/main" id="{DCC3F91E-4949-44F5-A021-276821D9EB55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 flipV="1">
            <a:off x="1338405" y="1751772"/>
            <a:ext cx="111953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B_00000000000000000000000000000000_TodayMarkerText">
            <a:extLst>
              <a:ext uri="{FF2B5EF4-FFF2-40B4-BE49-F238E27FC236}">
                <a16:creationId xmlns:a16="http://schemas.microsoft.com/office/drawing/2014/main" id="{571827AB-04F5-42AB-98CD-FD28A3AAEE7E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338405" y="1364651"/>
            <a:ext cx="1311744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Q1</a:t>
            </a:r>
            <a:b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11.04.23 - 25.04.23</a:t>
            </a:r>
          </a:p>
        </p:txBody>
      </p:sp>
      <p:sp>
        <p:nvSpPr>
          <p:cNvPr id="68" name="OTLSHAPE_TB_00000000000000000000000000000000_TimescaleInterval1">
            <a:extLst>
              <a:ext uri="{FF2B5EF4-FFF2-40B4-BE49-F238E27FC236}">
                <a16:creationId xmlns:a16="http://schemas.microsoft.com/office/drawing/2014/main" id="{EE427987-84D7-41FC-BEDC-239020A9B21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219699" y="1947155"/>
            <a:ext cx="266915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38" dirty="0">
                <a:solidFill>
                  <a:schemeClr val="lt1"/>
                </a:solidFill>
                <a:latin typeface="Calibri" panose="020F0502020204030204" pitchFamily="34" charset="0"/>
              </a:rPr>
              <a:t>Q1 - </a:t>
            </a:r>
            <a:r>
              <a:rPr lang="en-US" sz="1600" spc="-38" dirty="0" err="1">
                <a:solidFill>
                  <a:schemeClr val="lt1"/>
                </a:solidFill>
                <a:latin typeface="Calibri" panose="020F0502020204030204" pitchFamily="34" charset="0"/>
              </a:rPr>
              <a:t>Planung</a:t>
            </a:r>
            <a:endParaRPr lang="en-US" sz="1600" spc="-3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B_00000000000000000000000000000000_TimescaleInterval2">
            <a:extLst>
              <a:ext uri="{FF2B5EF4-FFF2-40B4-BE49-F238E27FC236}">
                <a16:creationId xmlns:a16="http://schemas.microsoft.com/office/drawing/2014/main" id="{9B76F5A8-16E3-4CB8-A22F-5497927C67E6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954382" y="1940102"/>
            <a:ext cx="266915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38" dirty="0">
                <a:solidFill>
                  <a:schemeClr val="lt1"/>
                </a:solidFill>
                <a:latin typeface="Calibri" panose="020F0502020204030204" pitchFamily="34" charset="0"/>
              </a:rPr>
              <a:t>Q2 - </a:t>
            </a:r>
            <a:r>
              <a:rPr lang="en-US" sz="1600" spc="-38" dirty="0" err="1">
                <a:solidFill>
                  <a:schemeClr val="lt1"/>
                </a:solidFill>
                <a:latin typeface="Calibri" panose="020F0502020204030204" pitchFamily="34" charset="0"/>
              </a:rPr>
              <a:t>Entwicklung</a:t>
            </a:r>
            <a:endParaRPr lang="en-US" sz="1600" spc="-3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grpSp>
        <p:nvGrpSpPr>
          <p:cNvPr id="478" name="Gruppieren 477">
            <a:extLst>
              <a:ext uri="{FF2B5EF4-FFF2-40B4-BE49-F238E27FC236}">
                <a16:creationId xmlns:a16="http://schemas.microsoft.com/office/drawing/2014/main" id="{FFA42FEE-5E1E-B6B3-69B5-9A68CB94971C}"/>
              </a:ext>
            </a:extLst>
          </p:cNvPr>
          <p:cNvGrpSpPr/>
          <p:nvPr/>
        </p:nvGrpSpPr>
        <p:grpSpPr>
          <a:xfrm>
            <a:off x="1223770" y="3778127"/>
            <a:ext cx="1735293" cy="419542"/>
            <a:chOff x="1241643" y="4406750"/>
            <a:chExt cx="1735293" cy="419542"/>
          </a:xfrm>
        </p:grpSpPr>
        <p:sp>
          <p:nvSpPr>
            <p:cNvPr id="226" name="OTLSHAPE_SLM_aec98ba4df184c8881a011a86b46a3d7_Shape">
              <a:extLst>
                <a:ext uri="{FF2B5EF4-FFF2-40B4-BE49-F238E27FC236}">
                  <a16:creationId xmlns:a16="http://schemas.microsoft.com/office/drawing/2014/main" id="{7EC5ECAB-2129-4D9F-B15A-75C6C3330D26}"/>
                </a:ext>
              </a:extLst>
            </p:cNvPr>
            <p:cNvSpPr/>
            <p:nvPr>
              <p:custDataLst>
                <p:tags r:id="rId85"/>
              </p:custDataLst>
            </p:nvPr>
          </p:nvSpPr>
          <p:spPr>
            <a:xfrm>
              <a:off x="1241643" y="4406750"/>
              <a:ext cx="161149" cy="174337"/>
            </a:xfrm>
            <a:prstGeom prst="diamond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118" name="OTLSHAPE_SLM_aec98ba4df184c8881a011a86b46a3d7_Title">
              <a:extLst>
                <a:ext uri="{FF2B5EF4-FFF2-40B4-BE49-F238E27FC236}">
                  <a16:creationId xmlns:a16="http://schemas.microsoft.com/office/drawing/2014/main" id="{F53976DB-5E3F-475E-991F-70C88895CAA9}"/>
                </a:ext>
              </a:extLst>
            </p:cNvPr>
            <p:cNvSpPr txBox="1"/>
            <p:nvPr>
              <p:custDataLst>
                <p:tags r:id="rId86"/>
              </p:custDataLst>
            </p:nvPr>
          </p:nvSpPr>
          <p:spPr>
            <a:xfrm>
              <a:off x="1501761" y="4410794"/>
              <a:ext cx="1475175" cy="41549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Mit</a:t>
              </a: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 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Entwicklungsumgebung</a:t>
              </a: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 (Frontend, Backend) 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auseinandersetzten</a:t>
              </a:r>
              <a:endParaRPr lang="en-US" sz="9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  <p:sp>
        <p:nvSpPr>
          <p:cNvPr id="164" name="OTLSHAPE_SLM_c81b46d3284c4b8b8f210faa2910f49b_Title">
            <a:extLst>
              <a:ext uri="{FF2B5EF4-FFF2-40B4-BE49-F238E27FC236}">
                <a16:creationId xmlns:a16="http://schemas.microsoft.com/office/drawing/2014/main" id="{B5F13116-5924-47FE-BA85-312A99DC82BC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0314169" y="2484614"/>
            <a:ext cx="1653767" cy="4141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Touch-Down, </a:t>
            </a:r>
            <a:r>
              <a:rPr lang="en-US" sz="10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Auslieferung</a:t>
            </a:r>
            <a: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b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und </a:t>
            </a:r>
            <a:r>
              <a:rPr lang="en-US" sz="10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Abschlusspräsentation</a:t>
            </a:r>
            <a:endParaRPr lang="en-US" sz="10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grpSp>
        <p:nvGrpSpPr>
          <p:cNvPr id="26" name="Gruppieren 25">
            <a:extLst>
              <a:ext uri="{FF2B5EF4-FFF2-40B4-BE49-F238E27FC236}">
                <a16:creationId xmlns:a16="http://schemas.microsoft.com/office/drawing/2014/main" id="{5357B01D-1E6F-168D-A058-9A190909CC50}"/>
              </a:ext>
            </a:extLst>
          </p:cNvPr>
          <p:cNvGrpSpPr/>
          <p:nvPr/>
        </p:nvGrpSpPr>
        <p:grpSpPr>
          <a:xfrm>
            <a:off x="1192007" y="2626851"/>
            <a:ext cx="1558487" cy="305526"/>
            <a:chOff x="1188574" y="2838572"/>
            <a:chExt cx="1558487" cy="305526"/>
          </a:xfrm>
        </p:grpSpPr>
        <p:sp>
          <p:nvSpPr>
            <p:cNvPr id="8" name="OTLSHAPE_SLM_26615f3a416d4a0a83511ad17e513011_Shape">
              <a:extLst>
                <a:ext uri="{FF2B5EF4-FFF2-40B4-BE49-F238E27FC236}">
                  <a16:creationId xmlns:a16="http://schemas.microsoft.com/office/drawing/2014/main" id="{0F6CD54C-F5CF-41A2-BC74-F794304809B6}"/>
                </a:ext>
              </a:extLst>
            </p:cNvPr>
            <p:cNvSpPr/>
            <p:nvPr>
              <p:custDataLst>
                <p:tags r:id="rId83"/>
              </p:custDataLst>
            </p:nvPr>
          </p:nvSpPr>
          <p:spPr>
            <a:xfrm>
              <a:off x="1188574" y="2838572"/>
              <a:ext cx="161149" cy="174337"/>
            </a:xfrm>
            <a:prstGeom prst="star8">
              <a:avLst/>
            </a:prstGeom>
            <a:solidFill>
              <a:schemeClr val="accent5">
                <a:lumMod val="75000"/>
              </a:schemeClr>
            </a:solidFill>
            <a:ln w="12700" cap="flat" cmpd="sng" algn="ctr">
              <a:noFill/>
              <a:prstDash val="solid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176" name="OTLSHAPE_SLM_26615f3a416d4a0a83511ad17e513011_Title">
              <a:extLst>
                <a:ext uri="{FF2B5EF4-FFF2-40B4-BE49-F238E27FC236}">
                  <a16:creationId xmlns:a16="http://schemas.microsoft.com/office/drawing/2014/main" id="{ED455CAE-B980-4F74-A716-CDD363AEDC3C}"/>
                </a:ext>
              </a:extLst>
            </p:cNvPr>
            <p:cNvSpPr txBox="1"/>
            <p:nvPr>
              <p:custDataLst>
                <p:tags r:id="rId84"/>
              </p:custDataLst>
            </p:nvPr>
          </p:nvSpPr>
          <p:spPr>
            <a:xfrm>
              <a:off x="1464361" y="2973579"/>
              <a:ext cx="1282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900" b="1" spc="-6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Anforderungen</a:t>
              </a:r>
              <a:r>
                <a:rPr lang="en-US" sz="9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/</a:t>
              </a:r>
              <a:br>
                <a:rPr lang="en-US" sz="9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</a:br>
              <a:r>
                <a:rPr lang="en-US" sz="9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User Stories, </a:t>
              </a:r>
              <a:r>
                <a:rPr lang="en-US" sz="900" b="1" spc="-6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Entwicklungsumgebung</a:t>
              </a:r>
              <a:endParaRPr lang="en-US" sz="900" b="1" spc="-6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  <p:sp>
        <p:nvSpPr>
          <p:cNvPr id="230" name="OTLSHAPE_SLM_18b4805670c54bafba548f70c19a4604_Title">
            <a:extLst>
              <a:ext uri="{FF2B5EF4-FFF2-40B4-BE49-F238E27FC236}">
                <a16:creationId xmlns:a16="http://schemas.microsoft.com/office/drawing/2014/main" id="{2D439119-BF5E-467D-8DA6-0AD961F06D49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0317034" y="5652240"/>
            <a:ext cx="151204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Systemtest</a:t>
            </a:r>
            <a:r>
              <a:rPr lang="en-US" sz="10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/</a:t>
            </a:r>
            <a:r>
              <a:rPr lang="en-US" sz="1000" b="1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Abnahmetest</a:t>
            </a:r>
            <a:endParaRPr lang="en-US" sz="1000" b="1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5" name="OTLSHAPE_TB_00000000000000000000000000000000_TimescaleInterval3">
            <a:extLst>
              <a:ext uri="{FF2B5EF4-FFF2-40B4-BE49-F238E27FC236}">
                <a16:creationId xmlns:a16="http://schemas.microsoft.com/office/drawing/2014/main" id="{D02CF991-3D56-4693-A921-116A39ED59F2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0113702" y="1946823"/>
            <a:ext cx="266915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38" dirty="0">
                <a:solidFill>
                  <a:schemeClr val="lt1"/>
                </a:solidFill>
                <a:latin typeface="Calibri" panose="020F0502020204030204" pitchFamily="34" charset="0"/>
              </a:rPr>
              <a:t>Q3 - </a:t>
            </a:r>
            <a:r>
              <a:rPr lang="en-US" sz="1600" spc="-38" dirty="0" err="1">
                <a:solidFill>
                  <a:schemeClr val="lt1"/>
                </a:solidFill>
                <a:latin typeface="Calibri" panose="020F0502020204030204" pitchFamily="34" charset="0"/>
              </a:rPr>
              <a:t>Abnahme</a:t>
            </a:r>
            <a:endParaRPr lang="en-US" sz="1600" spc="-3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523786F4-C718-4C6C-822B-B5A661F6A48B}"/>
              </a:ext>
            </a:extLst>
          </p:cNvPr>
          <p:cNvSpPr txBox="1"/>
          <p:nvPr/>
        </p:nvSpPr>
        <p:spPr>
          <a:xfrm>
            <a:off x="296804" y="303396"/>
            <a:ext cx="1149552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4000" b="1" dirty="0">
                <a:latin typeface="Helvetica Neue Condensed" panose="02000503000000020004" pitchFamily="2" charset="0"/>
                <a:ea typeface="Helvetica Neue Condensed" panose="02000503000000020004" pitchFamily="2" charset="0"/>
                <a:cs typeface="Helvetica Neue Condensed" panose="02000503000000020004" pitchFamily="2" charset="0"/>
              </a:rPr>
              <a:t>Roadmap </a:t>
            </a:r>
            <a:r>
              <a:rPr lang="en-GB" sz="4000" b="1" dirty="0" err="1">
                <a:latin typeface="Helvetica Neue Condensed" panose="02000503000000020004" pitchFamily="2" charset="0"/>
                <a:ea typeface="Helvetica Neue Condensed" panose="02000503000000020004" pitchFamily="2" charset="0"/>
                <a:cs typeface="Helvetica Neue Condensed" panose="02000503000000020004" pitchFamily="2" charset="0"/>
              </a:rPr>
              <a:t>downtimecapture</a:t>
            </a:r>
            <a:endParaRPr lang="en-US" sz="4000" b="1" dirty="0">
              <a:latin typeface="Helvetica Neue Condensed" panose="02000503000000020004" pitchFamily="2" charset="0"/>
              <a:ea typeface="Helvetica Neue Condensed" panose="02000503000000020004" pitchFamily="2" charset="0"/>
              <a:cs typeface="Helvetica Neue Condensed" panose="02000503000000020004" pitchFamily="2" charset="0"/>
            </a:endParaRPr>
          </a:p>
        </p:txBody>
      </p:sp>
      <p:sp>
        <p:nvSpPr>
          <p:cNvPr id="23" name="OTLSHAPE_TB_00000000000000000000000000000000_TodayMarkerShape">
            <a:extLst>
              <a:ext uri="{FF2B5EF4-FFF2-40B4-BE49-F238E27FC236}">
                <a16:creationId xmlns:a16="http://schemas.microsoft.com/office/drawing/2014/main" id="{67951451-4596-E6D8-255F-6D14AA1963C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 flipV="1">
            <a:off x="2778035" y="1752227"/>
            <a:ext cx="111953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TB_00000000000000000000000000000000_TodayMarkerText">
            <a:extLst>
              <a:ext uri="{FF2B5EF4-FFF2-40B4-BE49-F238E27FC236}">
                <a16:creationId xmlns:a16="http://schemas.microsoft.com/office/drawing/2014/main" id="{5BD4FD7A-24EF-6320-B3EC-AD2A88FDAB24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2778035" y="1364651"/>
            <a:ext cx="1311744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Q2</a:t>
            </a:r>
          </a:p>
          <a:p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02.05.23 – 20.06.23</a:t>
            </a:r>
          </a:p>
        </p:txBody>
      </p:sp>
      <p:sp>
        <p:nvSpPr>
          <p:cNvPr id="33" name="OTLSHAPE_TB_00000000000000000000000000000000_TodayMarkerShape">
            <a:extLst>
              <a:ext uri="{FF2B5EF4-FFF2-40B4-BE49-F238E27FC236}">
                <a16:creationId xmlns:a16="http://schemas.microsoft.com/office/drawing/2014/main" id="{96FFA01E-62D5-952E-680C-43921A57C28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 flipV="1">
            <a:off x="9952570" y="1760871"/>
            <a:ext cx="111953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TB_00000000000000000000000000000000_TodayMarkerText">
            <a:extLst>
              <a:ext uri="{FF2B5EF4-FFF2-40B4-BE49-F238E27FC236}">
                <a16:creationId xmlns:a16="http://schemas.microsoft.com/office/drawing/2014/main" id="{3F765C03-99AB-1BCE-3460-8905694EB80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9952570" y="1371709"/>
            <a:ext cx="1311744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  <a:br>
              <a:rPr lang="en-US" sz="1200" b="1" spc="-12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27.06.23 – 04.07.23</a:t>
            </a:r>
          </a:p>
        </p:txBody>
      </p:sp>
      <p:sp>
        <p:nvSpPr>
          <p:cNvPr id="18" name="Rechteck 17">
            <a:extLst>
              <a:ext uri="{FF2B5EF4-FFF2-40B4-BE49-F238E27FC236}">
                <a16:creationId xmlns:a16="http://schemas.microsoft.com/office/drawing/2014/main" id="{578786E4-A70C-D2A9-02CB-A5DA684F7C44}"/>
              </a:ext>
            </a:extLst>
          </p:cNvPr>
          <p:cNvSpPr/>
          <p:nvPr/>
        </p:nvSpPr>
        <p:spPr>
          <a:xfrm>
            <a:off x="2836957" y="2255252"/>
            <a:ext cx="1435215" cy="225926"/>
          </a:xfrm>
          <a:prstGeom prst="rect">
            <a:avLst/>
          </a:prstGeom>
          <a:solidFill>
            <a:srgbClr val="44546A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sz="1000" dirty="0"/>
              <a:t>02.05.23 Erste Story</a:t>
            </a:r>
          </a:p>
        </p:txBody>
      </p:sp>
      <p:cxnSp>
        <p:nvCxnSpPr>
          <p:cNvPr id="19" name="OTLSHAPE_G_00000000000000000000000000000000_ShapeBelow0">
            <a:extLst>
              <a:ext uri="{FF2B5EF4-FFF2-40B4-BE49-F238E27FC236}">
                <a16:creationId xmlns:a16="http://schemas.microsoft.com/office/drawing/2014/main" id="{D0201F54-C653-C375-E8E4-3C67C0CC5779}"/>
              </a:ext>
            </a:extLst>
          </p:cNvPr>
          <p:cNvCxnSpPr>
            <a:cxnSpLocks/>
          </p:cNvCxnSpPr>
          <p:nvPr>
            <p:custDataLst>
              <p:tags r:id="rId26"/>
            </p:custDataLst>
          </p:nvPr>
        </p:nvCxnSpPr>
        <p:spPr>
          <a:xfrm>
            <a:off x="4272172" y="2477858"/>
            <a:ext cx="0" cy="2913903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G_00000000000000000000000000000000_ShapeBelow0">
            <a:extLst>
              <a:ext uri="{FF2B5EF4-FFF2-40B4-BE49-F238E27FC236}">
                <a16:creationId xmlns:a16="http://schemas.microsoft.com/office/drawing/2014/main" id="{A7F4C1E3-58C6-6E6F-EC36-616DD0C5F9D2}"/>
              </a:ext>
            </a:extLst>
          </p:cNvPr>
          <p:cNvCxnSpPr>
            <a:cxnSpLocks/>
            <a:stCxn id="33" idx="0"/>
          </p:cNvCxnSpPr>
          <p:nvPr>
            <p:custDataLst>
              <p:tags r:id="rId27"/>
            </p:custDataLst>
          </p:nvPr>
        </p:nvCxnSpPr>
        <p:spPr>
          <a:xfrm flipH="1">
            <a:off x="10008546" y="1887871"/>
            <a:ext cx="1" cy="4095592"/>
          </a:xfrm>
          <a:prstGeom prst="line">
            <a:avLst/>
          </a:prstGeom>
          <a:ln w="2857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G_00000000000000000000000000000000_ShapeBelow0">
            <a:extLst>
              <a:ext uri="{FF2B5EF4-FFF2-40B4-BE49-F238E27FC236}">
                <a16:creationId xmlns:a16="http://schemas.microsoft.com/office/drawing/2014/main" id="{5F7BD5C2-756C-FB48-2EF1-6C5145D6DD71}"/>
              </a:ext>
            </a:extLst>
          </p:cNvPr>
          <p:cNvCxnSpPr>
            <a:cxnSpLocks/>
          </p:cNvCxnSpPr>
          <p:nvPr>
            <p:custDataLst>
              <p:tags r:id="rId28"/>
            </p:custDataLst>
          </p:nvPr>
        </p:nvCxnSpPr>
        <p:spPr>
          <a:xfrm>
            <a:off x="5705283" y="3595689"/>
            <a:ext cx="0" cy="1814630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G_00000000000000000000000000000000_ShapeBelow0">
            <a:extLst>
              <a:ext uri="{FF2B5EF4-FFF2-40B4-BE49-F238E27FC236}">
                <a16:creationId xmlns:a16="http://schemas.microsoft.com/office/drawing/2014/main" id="{C9E8BD1C-C3B1-FB73-33C9-94F6DB523CFA}"/>
              </a:ext>
            </a:extLst>
          </p:cNvPr>
          <p:cNvCxnSpPr>
            <a:cxnSpLocks/>
          </p:cNvCxnSpPr>
          <p:nvPr>
            <p:custDataLst>
              <p:tags r:id="rId29"/>
            </p:custDataLst>
          </p:nvPr>
        </p:nvCxnSpPr>
        <p:spPr>
          <a:xfrm>
            <a:off x="7138117" y="3595689"/>
            <a:ext cx="0" cy="1814630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G_00000000000000000000000000000000_ShapeBelow0">
            <a:extLst>
              <a:ext uri="{FF2B5EF4-FFF2-40B4-BE49-F238E27FC236}">
                <a16:creationId xmlns:a16="http://schemas.microsoft.com/office/drawing/2014/main" id="{AC533736-34F3-8720-9231-43F1163D7369}"/>
              </a:ext>
            </a:extLst>
          </p:cNvPr>
          <p:cNvCxnSpPr>
            <a:cxnSpLocks/>
          </p:cNvCxnSpPr>
          <p:nvPr>
            <p:custDataLst>
              <p:tags r:id="rId30"/>
            </p:custDataLst>
          </p:nvPr>
        </p:nvCxnSpPr>
        <p:spPr>
          <a:xfrm flipV="1">
            <a:off x="284029" y="3698328"/>
            <a:ext cx="11550039" cy="907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G_00000000000000000000000000000000_ShapeBelow0">
            <a:extLst>
              <a:ext uri="{FF2B5EF4-FFF2-40B4-BE49-F238E27FC236}">
                <a16:creationId xmlns:a16="http://schemas.microsoft.com/office/drawing/2014/main" id="{EAF14683-5BFC-84DA-000C-5A9957216A79}"/>
              </a:ext>
            </a:extLst>
          </p:cNvPr>
          <p:cNvCxnSpPr>
            <a:cxnSpLocks/>
          </p:cNvCxnSpPr>
          <p:nvPr>
            <p:custDataLst>
              <p:tags r:id="rId31"/>
            </p:custDataLst>
          </p:nvPr>
        </p:nvCxnSpPr>
        <p:spPr>
          <a:xfrm>
            <a:off x="284030" y="5402550"/>
            <a:ext cx="11550039" cy="0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G_00000000000000000000000000000000_ShapeBelow0">
            <a:extLst>
              <a:ext uri="{FF2B5EF4-FFF2-40B4-BE49-F238E27FC236}">
                <a16:creationId xmlns:a16="http://schemas.microsoft.com/office/drawing/2014/main" id="{B44B3F6C-3C7C-F486-93AE-589FBEF9803D}"/>
              </a:ext>
            </a:extLst>
          </p:cNvPr>
          <p:cNvCxnSpPr>
            <a:cxnSpLocks/>
          </p:cNvCxnSpPr>
          <p:nvPr>
            <p:custDataLst>
              <p:tags r:id="rId32"/>
            </p:custDataLst>
          </p:nvPr>
        </p:nvCxnSpPr>
        <p:spPr>
          <a:xfrm>
            <a:off x="8577536" y="2469825"/>
            <a:ext cx="0" cy="2921936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Rechteck 57">
            <a:extLst>
              <a:ext uri="{FF2B5EF4-FFF2-40B4-BE49-F238E27FC236}">
                <a16:creationId xmlns:a16="http://schemas.microsoft.com/office/drawing/2014/main" id="{8F40001C-FD79-671C-0222-AEADB537879C}"/>
              </a:ext>
            </a:extLst>
          </p:cNvPr>
          <p:cNvSpPr/>
          <p:nvPr/>
        </p:nvSpPr>
        <p:spPr>
          <a:xfrm>
            <a:off x="4272449" y="2254200"/>
            <a:ext cx="1435215" cy="225926"/>
          </a:xfrm>
          <a:prstGeom prst="rect">
            <a:avLst/>
          </a:prstGeom>
          <a:solidFill>
            <a:srgbClr val="44546A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sz="1000" dirty="0"/>
              <a:t>09.05.23 Erster Sprint</a:t>
            </a:r>
          </a:p>
        </p:txBody>
      </p:sp>
      <p:sp>
        <p:nvSpPr>
          <p:cNvPr id="59" name="Rechteck 58">
            <a:extLst>
              <a:ext uri="{FF2B5EF4-FFF2-40B4-BE49-F238E27FC236}">
                <a16:creationId xmlns:a16="http://schemas.microsoft.com/office/drawing/2014/main" id="{B8C7AEBB-8BA4-6911-05E9-E69131952606}"/>
              </a:ext>
            </a:extLst>
          </p:cNvPr>
          <p:cNvSpPr/>
          <p:nvPr/>
        </p:nvSpPr>
        <p:spPr>
          <a:xfrm>
            <a:off x="5705283" y="2255700"/>
            <a:ext cx="1435215" cy="225926"/>
          </a:xfrm>
          <a:prstGeom prst="rect">
            <a:avLst/>
          </a:prstGeom>
          <a:solidFill>
            <a:srgbClr val="44546A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sz="1000" dirty="0"/>
              <a:t>23.05.23 Zweiter Sprint</a:t>
            </a:r>
          </a:p>
        </p:txBody>
      </p:sp>
      <p:sp>
        <p:nvSpPr>
          <p:cNvPr id="60" name="Rechteck 59">
            <a:extLst>
              <a:ext uri="{FF2B5EF4-FFF2-40B4-BE49-F238E27FC236}">
                <a16:creationId xmlns:a16="http://schemas.microsoft.com/office/drawing/2014/main" id="{77A92DB0-5694-CFD0-6799-16C355CD631B}"/>
              </a:ext>
            </a:extLst>
          </p:cNvPr>
          <p:cNvSpPr/>
          <p:nvPr/>
        </p:nvSpPr>
        <p:spPr>
          <a:xfrm>
            <a:off x="7138117" y="2255092"/>
            <a:ext cx="1435215" cy="225926"/>
          </a:xfrm>
          <a:prstGeom prst="rect">
            <a:avLst/>
          </a:prstGeom>
          <a:solidFill>
            <a:srgbClr val="44546A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sz="1000" dirty="0"/>
              <a:t>06.06.23 Dritter Sprint</a:t>
            </a:r>
          </a:p>
        </p:txBody>
      </p:sp>
      <p:sp>
        <p:nvSpPr>
          <p:cNvPr id="61" name="Rechteck 60">
            <a:extLst>
              <a:ext uri="{FF2B5EF4-FFF2-40B4-BE49-F238E27FC236}">
                <a16:creationId xmlns:a16="http://schemas.microsoft.com/office/drawing/2014/main" id="{F8A48FBA-FA8A-E089-BD58-863FDFFF4E27}"/>
              </a:ext>
            </a:extLst>
          </p:cNvPr>
          <p:cNvSpPr/>
          <p:nvPr/>
        </p:nvSpPr>
        <p:spPr>
          <a:xfrm>
            <a:off x="8573332" y="2255700"/>
            <a:ext cx="1435215" cy="225926"/>
          </a:xfrm>
          <a:prstGeom prst="rect">
            <a:avLst/>
          </a:prstGeom>
          <a:solidFill>
            <a:srgbClr val="44546A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sz="1000" dirty="0"/>
              <a:t>20.06.23 Vierter Sprint</a:t>
            </a:r>
          </a:p>
        </p:txBody>
      </p:sp>
      <p:sp>
        <p:nvSpPr>
          <p:cNvPr id="450" name="OTLSHAPE_SLM_c81b46d3284c4b8b8f210faa2910f49b_Shape">
            <a:extLst>
              <a:ext uri="{FF2B5EF4-FFF2-40B4-BE49-F238E27FC236}">
                <a16:creationId xmlns:a16="http://schemas.microsoft.com/office/drawing/2014/main" id="{30C7A06B-CD7F-F0DC-758C-A3B51AFA97E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0093815" y="2960771"/>
            <a:ext cx="161149" cy="174337"/>
          </a:xfrm>
          <a:prstGeom prst="star8">
            <a:avLst/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1" name="OTLSHAPE_SLM_c81b46d3284c4b8b8f210faa2910f49b_Title">
            <a:extLst>
              <a:ext uri="{FF2B5EF4-FFF2-40B4-BE49-F238E27FC236}">
                <a16:creationId xmlns:a16="http://schemas.microsoft.com/office/drawing/2014/main" id="{3BCD1490-194B-9EF0-62BD-A9905ECBEB4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0338445" y="2903906"/>
            <a:ext cx="1653767" cy="4141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Projektmesse</a:t>
            </a:r>
            <a: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, Pitch und </a:t>
            </a:r>
            <a:r>
              <a:rPr lang="en-US" sz="10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Messestand</a:t>
            </a:r>
            <a:endParaRPr lang="en-US" sz="10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grpSp>
        <p:nvGrpSpPr>
          <p:cNvPr id="27" name="Gruppieren 26">
            <a:extLst>
              <a:ext uri="{FF2B5EF4-FFF2-40B4-BE49-F238E27FC236}">
                <a16:creationId xmlns:a16="http://schemas.microsoft.com/office/drawing/2014/main" id="{DFA95288-4932-1BF8-751E-32135D2C3E63}"/>
              </a:ext>
            </a:extLst>
          </p:cNvPr>
          <p:cNvGrpSpPr/>
          <p:nvPr/>
        </p:nvGrpSpPr>
        <p:grpSpPr>
          <a:xfrm>
            <a:off x="2910133" y="2606428"/>
            <a:ext cx="1545726" cy="182496"/>
            <a:chOff x="2910251" y="2901679"/>
            <a:chExt cx="1545726" cy="182496"/>
          </a:xfrm>
        </p:grpSpPr>
        <p:sp>
          <p:nvSpPr>
            <p:cNvPr id="464" name="OTLSHAPE_SLM_26615f3a416d4a0a83511ad17e513011_Shape">
              <a:extLst>
                <a:ext uri="{FF2B5EF4-FFF2-40B4-BE49-F238E27FC236}">
                  <a16:creationId xmlns:a16="http://schemas.microsoft.com/office/drawing/2014/main" id="{333E631A-81ED-FA06-3329-969894D1E9F3}"/>
                </a:ext>
              </a:extLst>
            </p:cNvPr>
            <p:cNvSpPr/>
            <p:nvPr>
              <p:custDataLst>
                <p:tags r:id="rId81"/>
              </p:custDataLst>
            </p:nvPr>
          </p:nvSpPr>
          <p:spPr>
            <a:xfrm>
              <a:off x="2910251" y="2909838"/>
              <a:ext cx="161149" cy="174337"/>
            </a:xfrm>
            <a:prstGeom prst="star8">
              <a:avLst/>
            </a:prstGeom>
            <a:solidFill>
              <a:schemeClr val="accent5">
                <a:lumMod val="75000"/>
              </a:schemeClr>
            </a:solidFill>
            <a:ln w="12700" cap="flat" cmpd="sng" algn="ctr">
              <a:noFill/>
              <a:prstDash val="solid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900"/>
            </a:p>
          </p:txBody>
        </p:sp>
        <p:sp>
          <p:nvSpPr>
            <p:cNvPr id="465" name="OTLSHAPE_SLM_26615f3a416d4a0a83511ad17e513011_Title">
              <a:extLst>
                <a:ext uri="{FF2B5EF4-FFF2-40B4-BE49-F238E27FC236}">
                  <a16:creationId xmlns:a16="http://schemas.microsoft.com/office/drawing/2014/main" id="{B35FF379-C2E4-A66C-116E-AF2CE8AEDA33}"/>
                </a:ext>
              </a:extLst>
            </p:cNvPr>
            <p:cNvSpPr txBox="1"/>
            <p:nvPr>
              <p:custDataLst>
                <p:tags r:id="rId82"/>
              </p:custDataLst>
            </p:nvPr>
          </p:nvSpPr>
          <p:spPr>
            <a:xfrm>
              <a:off x="3173277" y="2901679"/>
              <a:ext cx="1282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900" b="1" spc="-6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Datenmodell</a:t>
              </a:r>
              <a:endParaRPr lang="en-US" sz="900" b="1" spc="-6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  <p:grpSp>
        <p:nvGrpSpPr>
          <p:cNvPr id="28" name="Gruppieren 27">
            <a:extLst>
              <a:ext uri="{FF2B5EF4-FFF2-40B4-BE49-F238E27FC236}">
                <a16:creationId xmlns:a16="http://schemas.microsoft.com/office/drawing/2014/main" id="{6BA01763-D546-7C30-3530-DE0EDFB8956A}"/>
              </a:ext>
            </a:extLst>
          </p:cNvPr>
          <p:cNvGrpSpPr/>
          <p:nvPr/>
        </p:nvGrpSpPr>
        <p:grpSpPr>
          <a:xfrm>
            <a:off x="1199707" y="3221376"/>
            <a:ext cx="1537704" cy="215922"/>
            <a:chOff x="1194996" y="3449967"/>
            <a:chExt cx="1537704" cy="215922"/>
          </a:xfrm>
        </p:grpSpPr>
        <p:sp>
          <p:nvSpPr>
            <p:cNvPr id="482" name="OTLSHAPE_SLM_26615f3a416d4a0a83511ad17e513011_Shape">
              <a:extLst>
                <a:ext uri="{FF2B5EF4-FFF2-40B4-BE49-F238E27FC236}">
                  <a16:creationId xmlns:a16="http://schemas.microsoft.com/office/drawing/2014/main" id="{B9800550-A87C-CA68-6C99-5D8505370A3B}"/>
                </a:ext>
              </a:extLst>
            </p:cNvPr>
            <p:cNvSpPr/>
            <p:nvPr>
              <p:custDataLst>
                <p:tags r:id="rId79"/>
              </p:custDataLst>
            </p:nvPr>
          </p:nvSpPr>
          <p:spPr>
            <a:xfrm>
              <a:off x="1194996" y="3449967"/>
              <a:ext cx="161149" cy="174337"/>
            </a:xfrm>
            <a:prstGeom prst="star8">
              <a:avLst/>
            </a:prstGeom>
            <a:solidFill>
              <a:schemeClr val="accent5">
                <a:lumMod val="75000"/>
              </a:schemeClr>
            </a:solidFill>
            <a:ln w="12700" cap="flat" cmpd="sng" algn="ctr">
              <a:noFill/>
              <a:prstDash val="solid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483" name="OTLSHAPE_SLM_26615f3a416d4a0a83511ad17e513011_Title">
              <a:extLst>
                <a:ext uri="{FF2B5EF4-FFF2-40B4-BE49-F238E27FC236}">
                  <a16:creationId xmlns:a16="http://schemas.microsoft.com/office/drawing/2014/main" id="{70DAD2F8-F81B-52FC-8F65-34AA4883E259}"/>
                </a:ext>
              </a:extLst>
            </p:cNvPr>
            <p:cNvSpPr txBox="1"/>
            <p:nvPr>
              <p:custDataLst>
                <p:tags r:id="rId80"/>
              </p:custDataLst>
            </p:nvPr>
          </p:nvSpPr>
          <p:spPr>
            <a:xfrm>
              <a:off x="1450000" y="3495370"/>
              <a:ext cx="1282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900" b="1" spc="-6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Anforderungsanalyse</a:t>
              </a:r>
              <a:r>
                <a:rPr lang="en-US" sz="9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 und </a:t>
              </a:r>
              <a:r>
                <a:rPr lang="en-US" sz="900" b="1" spc="-6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Planung</a:t>
              </a:r>
              <a:endParaRPr lang="en-US" sz="900" b="1" spc="-6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  <p:sp>
        <p:nvSpPr>
          <p:cNvPr id="487" name="OTLSHAPE_SLM_26615f3a416d4a0a83511ad17e513011_Shape">
            <a:extLst>
              <a:ext uri="{FF2B5EF4-FFF2-40B4-BE49-F238E27FC236}">
                <a16:creationId xmlns:a16="http://schemas.microsoft.com/office/drawing/2014/main" id="{392A5BA8-1F5D-4C0F-6C25-20DB6BA25AD0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5211785" y="3299496"/>
            <a:ext cx="161149" cy="174337"/>
          </a:xfrm>
          <a:prstGeom prst="star8">
            <a:avLst/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488" name="OTLSHAPE_SLM_26615f3a416d4a0a83511ad17e513011_Title">
            <a:extLst>
              <a:ext uri="{FF2B5EF4-FFF2-40B4-BE49-F238E27FC236}">
                <a16:creationId xmlns:a16="http://schemas.microsoft.com/office/drawing/2014/main" id="{D6D25367-C89D-9751-8920-CD18C42A3D79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5434034" y="3304204"/>
            <a:ext cx="2190208" cy="18112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4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Laufende</a:t>
            </a:r>
            <a:r>
              <a:rPr lang="en-US" sz="14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4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Weiterentwicklung</a:t>
            </a:r>
            <a:endParaRPr lang="en-US" sz="14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499" name="OTLSHAPE_G_00000000000000000000000000000000_ShapeBelow0">
            <a:extLst>
              <a:ext uri="{FF2B5EF4-FFF2-40B4-BE49-F238E27FC236}">
                <a16:creationId xmlns:a16="http://schemas.microsoft.com/office/drawing/2014/main" id="{2B333BAA-6A0E-B917-2C28-B6A313BE6FDD}"/>
              </a:ext>
            </a:extLst>
          </p:cNvPr>
          <p:cNvCxnSpPr>
            <a:cxnSpLocks/>
          </p:cNvCxnSpPr>
          <p:nvPr>
            <p:custDataLst>
              <p:tags r:id="rId37"/>
            </p:custDataLst>
          </p:nvPr>
        </p:nvCxnSpPr>
        <p:spPr>
          <a:xfrm>
            <a:off x="5705283" y="2489723"/>
            <a:ext cx="0" cy="612921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" name="OTLSHAPE_G_00000000000000000000000000000000_ShapeBelow0">
            <a:extLst>
              <a:ext uri="{FF2B5EF4-FFF2-40B4-BE49-F238E27FC236}">
                <a16:creationId xmlns:a16="http://schemas.microsoft.com/office/drawing/2014/main" id="{E66B113B-2D38-562E-793B-7A25B126AE84}"/>
              </a:ext>
            </a:extLst>
          </p:cNvPr>
          <p:cNvCxnSpPr>
            <a:cxnSpLocks/>
          </p:cNvCxnSpPr>
          <p:nvPr>
            <p:custDataLst>
              <p:tags r:id="rId38"/>
            </p:custDataLst>
          </p:nvPr>
        </p:nvCxnSpPr>
        <p:spPr>
          <a:xfrm>
            <a:off x="7138117" y="2489723"/>
            <a:ext cx="0" cy="612921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SLM_18b4805670c54bafba548f70c19a4604_Shape">
            <a:extLst>
              <a:ext uri="{FF2B5EF4-FFF2-40B4-BE49-F238E27FC236}">
                <a16:creationId xmlns:a16="http://schemas.microsoft.com/office/drawing/2014/main" id="{798BDA0B-8466-FFA4-3B7F-6D268BCCDD1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237474" y="5644897"/>
            <a:ext cx="161149" cy="174337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M_18b4805670c54bafba548f70c19a4604_Title">
            <a:extLst>
              <a:ext uri="{FF2B5EF4-FFF2-40B4-BE49-F238E27FC236}">
                <a16:creationId xmlns:a16="http://schemas.microsoft.com/office/drawing/2014/main" id="{0E44951D-1662-221B-7450-15AA50D69A4E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434034" y="5655121"/>
            <a:ext cx="215803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esten</a:t>
            </a:r>
            <a:r>
              <a:rPr lang="en-US" sz="10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000" b="1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anhand</a:t>
            </a:r>
            <a:r>
              <a:rPr lang="en-US" sz="10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 der </a:t>
            </a:r>
            <a:r>
              <a:rPr lang="en-US" sz="1000" b="1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Akzeptanzkriterien</a:t>
            </a:r>
            <a:r>
              <a:rPr lang="en-US" sz="10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</a:p>
        </p:txBody>
      </p:sp>
      <p:grpSp>
        <p:nvGrpSpPr>
          <p:cNvPr id="479" name="Gruppieren 478">
            <a:extLst>
              <a:ext uri="{FF2B5EF4-FFF2-40B4-BE49-F238E27FC236}">
                <a16:creationId xmlns:a16="http://schemas.microsoft.com/office/drawing/2014/main" id="{68045B1F-945A-63AC-25CB-333659A8F4FE}"/>
              </a:ext>
            </a:extLst>
          </p:cNvPr>
          <p:cNvGrpSpPr/>
          <p:nvPr/>
        </p:nvGrpSpPr>
        <p:grpSpPr>
          <a:xfrm>
            <a:off x="2912677" y="3773840"/>
            <a:ext cx="1733458" cy="276999"/>
            <a:chOff x="2912677" y="4078639"/>
            <a:chExt cx="1733458" cy="276999"/>
          </a:xfrm>
        </p:grpSpPr>
        <p:sp>
          <p:nvSpPr>
            <p:cNvPr id="2" name="OTLSHAPE_SLM_aec98ba4df184c8881a011a86b46a3d7_Shape">
              <a:extLst>
                <a:ext uri="{FF2B5EF4-FFF2-40B4-BE49-F238E27FC236}">
                  <a16:creationId xmlns:a16="http://schemas.microsoft.com/office/drawing/2014/main" id="{45478B14-A23D-5AEE-009B-17F253F555DF}"/>
                </a:ext>
              </a:extLst>
            </p:cNvPr>
            <p:cNvSpPr/>
            <p:nvPr>
              <p:custDataLst>
                <p:tags r:id="rId77"/>
              </p:custDataLst>
            </p:nvPr>
          </p:nvSpPr>
          <p:spPr>
            <a:xfrm>
              <a:off x="2912677" y="4101917"/>
              <a:ext cx="161149" cy="174337"/>
            </a:xfrm>
            <a:prstGeom prst="diamond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 dirty="0"/>
            </a:p>
          </p:txBody>
        </p:sp>
        <p:sp>
          <p:nvSpPr>
            <p:cNvPr id="3" name="OTLSHAPE_SLM_aec98ba4df184c8881a011a86b46a3d7_Title">
              <a:extLst>
                <a:ext uri="{FF2B5EF4-FFF2-40B4-BE49-F238E27FC236}">
                  <a16:creationId xmlns:a16="http://schemas.microsoft.com/office/drawing/2014/main" id="{5BB85DB1-2516-9465-7FD9-D6BF11B7B60F}"/>
                </a:ext>
              </a:extLst>
            </p:cNvPr>
            <p:cNvSpPr txBox="1"/>
            <p:nvPr>
              <p:custDataLst>
                <p:tags r:id="rId78"/>
              </p:custDataLst>
            </p:nvPr>
          </p:nvSpPr>
          <p:spPr>
            <a:xfrm>
              <a:off x="3170960" y="4078639"/>
              <a:ext cx="1475175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US 1.1 Scan 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mit</a:t>
              </a: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 </a:t>
              </a:r>
              <a:b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</a:b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Smartphone</a:t>
              </a:r>
            </a:p>
          </p:txBody>
        </p:sp>
      </p:grpSp>
      <p:grpSp>
        <p:nvGrpSpPr>
          <p:cNvPr id="492" name="Gruppieren 491">
            <a:extLst>
              <a:ext uri="{FF2B5EF4-FFF2-40B4-BE49-F238E27FC236}">
                <a16:creationId xmlns:a16="http://schemas.microsoft.com/office/drawing/2014/main" id="{E4C26893-8B78-75EE-5B9C-840B2DCAF546}"/>
              </a:ext>
            </a:extLst>
          </p:cNvPr>
          <p:cNvGrpSpPr/>
          <p:nvPr/>
        </p:nvGrpSpPr>
        <p:grpSpPr>
          <a:xfrm>
            <a:off x="4337009" y="3747217"/>
            <a:ext cx="1697424" cy="276999"/>
            <a:chOff x="4337009" y="4052016"/>
            <a:chExt cx="1697424" cy="276999"/>
          </a:xfrm>
        </p:grpSpPr>
        <p:sp>
          <p:nvSpPr>
            <p:cNvPr id="5" name="OTLSHAPE_SLM_aec98ba4df184c8881a011a86b46a3d7_Shape">
              <a:extLst>
                <a:ext uri="{FF2B5EF4-FFF2-40B4-BE49-F238E27FC236}">
                  <a16:creationId xmlns:a16="http://schemas.microsoft.com/office/drawing/2014/main" id="{D27FD29B-5B08-E179-8104-B07133D32974}"/>
                </a:ext>
              </a:extLst>
            </p:cNvPr>
            <p:cNvSpPr/>
            <p:nvPr>
              <p:custDataLst>
                <p:tags r:id="rId75"/>
              </p:custDataLst>
            </p:nvPr>
          </p:nvSpPr>
          <p:spPr>
            <a:xfrm>
              <a:off x="4337009" y="4079595"/>
              <a:ext cx="161149" cy="174337"/>
            </a:xfrm>
            <a:prstGeom prst="diamond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7" name="OTLSHAPE_SLM_aec98ba4df184c8881a011a86b46a3d7_Title">
              <a:extLst>
                <a:ext uri="{FF2B5EF4-FFF2-40B4-BE49-F238E27FC236}">
                  <a16:creationId xmlns:a16="http://schemas.microsoft.com/office/drawing/2014/main" id="{F15FFFD5-54F3-0E6E-E6C8-66D10A577750}"/>
                </a:ext>
              </a:extLst>
            </p:cNvPr>
            <p:cNvSpPr txBox="1"/>
            <p:nvPr>
              <p:custDataLst>
                <p:tags r:id="rId76"/>
              </p:custDataLst>
            </p:nvPr>
          </p:nvSpPr>
          <p:spPr>
            <a:xfrm>
              <a:off x="4559258" y="4052016"/>
              <a:ext cx="1475175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US 3 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Fotoaufnahme</a:t>
              </a: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 </a:t>
              </a:r>
              <a:b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</a:b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in WebApp</a:t>
              </a:r>
            </a:p>
          </p:txBody>
        </p:sp>
      </p:grpSp>
      <p:grpSp>
        <p:nvGrpSpPr>
          <p:cNvPr id="491" name="Gruppieren 490">
            <a:extLst>
              <a:ext uri="{FF2B5EF4-FFF2-40B4-BE49-F238E27FC236}">
                <a16:creationId xmlns:a16="http://schemas.microsoft.com/office/drawing/2014/main" id="{0D425E31-8697-8508-FA6E-C5DF2FD70C94}"/>
              </a:ext>
            </a:extLst>
          </p:cNvPr>
          <p:cNvGrpSpPr/>
          <p:nvPr/>
        </p:nvGrpSpPr>
        <p:grpSpPr>
          <a:xfrm>
            <a:off x="4333702" y="4055425"/>
            <a:ext cx="1697424" cy="276999"/>
            <a:chOff x="4333702" y="4360224"/>
            <a:chExt cx="1697424" cy="276999"/>
          </a:xfrm>
        </p:grpSpPr>
        <p:sp>
          <p:nvSpPr>
            <p:cNvPr id="9" name="OTLSHAPE_SLM_aec98ba4df184c8881a011a86b46a3d7_Shape">
              <a:extLst>
                <a:ext uri="{FF2B5EF4-FFF2-40B4-BE49-F238E27FC236}">
                  <a16:creationId xmlns:a16="http://schemas.microsoft.com/office/drawing/2014/main" id="{41BAD882-C158-FAB3-C514-1E6841420AC9}"/>
                </a:ext>
              </a:extLst>
            </p:cNvPr>
            <p:cNvSpPr/>
            <p:nvPr>
              <p:custDataLst>
                <p:tags r:id="rId73"/>
              </p:custDataLst>
            </p:nvPr>
          </p:nvSpPr>
          <p:spPr>
            <a:xfrm>
              <a:off x="4333702" y="4375927"/>
              <a:ext cx="161149" cy="174337"/>
            </a:xfrm>
            <a:prstGeom prst="diamond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11" name="OTLSHAPE_SLM_aec98ba4df184c8881a011a86b46a3d7_Title">
              <a:extLst>
                <a:ext uri="{FF2B5EF4-FFF2-40B4-BE49-F238E27FC236}">
                  <a16:creationId xmlns:a16="http://schemas.microsoft.com/office/drawing/2014/main" id="{5109A57F-E233-359A-A48C-FC2CA195A3E3}"/>
                </a:ext>
              </a:extLst>
            </p:cNvPr>
            <p:cNvSpPr txBox="1"/>
            <p:nvPr>
              <p:custDataLst>
                <p:tags r:id="rId74"/>
              </p:custDataLst>
            </p:nvPr>
          </p:nvSpPr>
          <p:spPr>
            <a:xfrm>
              <a:off x="4555951" y="4360224"/>
              <a:ext cx="1475175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US 4 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Fotoaufnahme</a:t>
              </a: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 </a:t>
              </a:r>
            </a:p>
            <a:p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verwerfen</a:t>
              </a:r>
              <a:endParaRPr lang="en-US" sz="9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  <p:grpSp>
        <p:nvGrpSpPr>
          <p:cNvPr id="489" name="Gruppieren 488">
            <a:extLst>
              <a:ext uri="{FF2B5EF4-FFF2-40B4-BE49-F238E27FC236}">
                <a16:creationId xmlns:a16="http://schemas.microsoft.com/office/drawing/2014/main" id="{71950C3B-E588-8970-3468-97CD4AB707BC}"/>
              </a:ext>
            </a:extLst>
          </p:cNvPr>
          <p:cNvGrpSpPr/>
          <p:nvPr/>
        </p:nvGrpSpPr>
        <p:grpSpPr>
          <a:xfrm>
            <a:off x="4336141" y="4865045"/>
            <a:ext cx="1697424" cy="276999"/>
            <a:chOff x="4336141" y="5086718"/>
            <a:chExt cx="1697424" cy="276999"/>
          </a:xfrm>
        </p:grpSpPr>
        <p:sp>
          <p:nvSpPr>
            <p:cNvPr id="12" name="OTLSHAPE_SLM_aec98ba4df184c8881a011a86b46a3d7_Shape">
              <a:extLst>
                <a:ext uri="{FF2B5EF4-FFF2-40B4-BE49-F238E27FC236}">
                  <a16:creationId xmlns:a16="http://schemas.microsoft.com/office/drawing/2014/main" id="{FBE79729-0363-FFA3-622B-2C017C3BC19D}"/>
                </a:ext>
              </a:extLst>
            </p:cNvPr>
            <p:cNvSpPr/>
            <p:nvPr>
              <p:custDataLst>
                <p:tags r:id="rId71"/>
              </p:custDataLst>
            </p:nvPr>
          </p:nvSpPr>
          <p:spPr>
            <a:xfrm>
              <a:off x="4336141" y="5102421"/>
              <a:ext cx="161149" cy="174337"/>
            </a:xfrm>
            <a:prstGeom prst="diamond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13" name="OTLSHAPE_SLM_aec98ba4df184c8881a011a86b46a3d7_Title">
              <a:extLst>
                <a:ext uri="{FF2B5EF4-FFF2-40B4-BE49-F238E27FC236}">
                  <a16:creationId xmlns:a16="http://schemas.microsoft.com/office/drawing/2014/main" id="{FCFC12CA-B89E-70AE-3745-AC5E794B0009}"/>
                </a:ext>
              </a:extLst>
            </p:cNvPr>
            <p:cNvSpPr txBox="1"/>
            <p:nvPr>
              <p:custDataLst>
                <p:tags r:id="rId72"/>
              </p:custDataLst>
            </p:nvPr>
          </p:nvSpPr>
          <p:spPr>
            <a:xfrm>
              <a:off x="4558390" y="5086718"/>
              <a:ext cx="1475175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US 5.1 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Foto</a:t>
              </a: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 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hochladen</a:t>
              </a: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 </a:t>
              </a:r>
              <a:b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</a:b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in WebApp</a:t>
              </a:r>
            </a:p>
          </p:txBody>
        </p:sp>
      </p:grpSp>
      <p:grpSp>
        <p:nvGrpSpPr>
          <p:cNvPr id="480" name="Gruppieren 479">
            <a:extLst>
              <a:ext uri="{FF2B5EF4-FFF2-40B4-BE49-F238E27FC236}">
                <a16:creationId xmlns:a16="http://schemas.microsoft.com/office/drawing/2014/main" id="{0166CBD7-B0C2-9361-A5A8-38B2A920BE60}"/>
              </a:ext>
            </a:extLst>
          </p:cNvPr>
          <p:cNvGrpSpPr/>
          <p:nvPr/>
        </p:nvGrpSpPr>
        <p:grpSpPr>
          <a:xfrm>
            <a:off x="2915036" y="4095772"/>
            <a:ext cx="1326586" cy="415498"/>
            <a:chOff x="2915036" y="4484239"/>
            <a:chExt cx="1326586" cy="415498"/>
          </a:xfrm>
        </p:grpSpPr>
        <p:sp>
          <p:nvSpPr>
            <p:cNvPr id="14" name="OTLSHAPE_SLM_aec98ba4df184c8881a011a86b46a3d7_Shape">
              <a:extLst>
                <a:ext uri="{FF2B5EF4-FFF2-40B4-BE49-F238E27FC236}">
                  <a16:creationId xmlns:a16="http://schemas.microsoft.com/office/drawing/2014/main" id="{89AA1C45-F543-F0D6-768F-4FB1C0CC14F4}"/>
                </a:ext>
              </a:extLst>
            </p:cNvPr>
            <p:cNvSpPr/>
            <p:nvPr>
              <p:custDataLst>
                <p:tags r:id="rId69"/>
              </p:custDataLst>
            </p:nvPr>
          </p:nvSpPr>
          <p:spPr>
            <a:xfrm>
              <a:off x="2915036" y="4499735"/>
              <a:ext cx="161149" cy="174337"/>
            </a:xfrm>
            <a:prstGeom prst="diamond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15" name="OTLSHAPE_SLM_aec98ba4df184c8881a011a86b46a3d7_Title">
              <a:extLst>
                <a:ext uri="{FF2B5EF4-FFF2-40B4-BE49-F238E27FC236}">
                  <a16:creationId xmlns:a16="http://schemas.microsoft.com/office/drawing/2014/main" id="{92DA7F91-CC4A-0543-7680-1C0E6340A195}"/>
                </a:ext>
              </a:extLst>
            </p:cNvPr>
            <p:cNvSpPr txBox="1"/>
            <p:nvPr>
              <p:custDataLst>
                <p:tags r:id="rId70"/>
              </p:custDataLst>
            </p:nvPr>
          </p:nvSpPr>
          <p:spPr>
            <a:xfrm>
              <a:off x="3174102" y="4484239"/>
              <a:ext cx="1067520" cy="41549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US 1.2 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Übergabe</a:t>
              </a: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 </a:t>
              </a:r>
              <a:b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</a:b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der 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Maschinen</a:t>
              </a: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-</a:t>
              </a:r>
            </a:p>
            <a:p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Stammdaten</a:t>
              </a: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 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mit</a:t>
              </a: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 URL</a:t>
              </a:r>
            </a:p>
          </p:txBody>
        </p:sp>
      </p:grpSp>
      <p:grpSp>
        <p:nvGrpSpPr>
          <p:cNvPr id="481" name="Gruppieren 480">
            <a:extLst>
              <a:ext uri="{FF2B5EF4-FFF2-40B4-BE49-F238E27FC236}">
                <a16:creationId xmlns:a16="http://schemas.microsoft.com/office/drawing/2014/main" id="{D92FE5A8-99A7-6379-E0DF-877EAFDFAF52}"/>
              </a:ext>
            </a:extLst>
          </p:cNvPr>
          <p:cNvGrpSpPr/>
          <p:nvPr/>
        </p:nvGrpSpPr>
        <p:grpSpPr>
          <a:xfrm>
            <a:off x="2913343" y="4588873"/>
            <a:ext cx="1312266" cy="283064"/>
            <a:chOff x="2913343" y="4893672"/>
            <a:chExt cx="1312266" cy="283064"/>
          </a:xfrm>
        </p:grpSpPr>
        <p:sp>
          <p:nvSpPr>
            <p:cNvPr id="21" name="OTLSHAPE_SLM_aec98ba4df184c8881a011a86b46a3d7_Shape">
              <a:extLst>
                <a:ext uri="{FF2B5EF4-FFF2-40B4-BE49-F238E27FC236}">
                  <a16:creationId xmlns:a16="http://schemas.microsoft.com/office/drawing/2014/main" id="{38CEC98B-0081-A4B2-1121-31993EAB1A86}"/>
                </a:ext>
              </a:extLst>
            </p:cNvPr>
            <p:cNvSpPr/>
            <p:nvPr>
              <p:custDataLst>
                <p:tags r:id="rId67"/>
              </p:custDataLst>
            </p:nvPr>
          </p:nvSpPr>
          <p:spPr>
            <a:xfrm>
              <a:off x="2913343" y="4893672"/>
              <a:ext cx="161149" cy="174337"/>
            </a:xfrm>
            <a:prstGeom prst="diamond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22" name="OTLSHAPE_SLM_aec98ba4df184c8881a011a86b46a3d7_Title">
              <a:extLst>
                <a:ext uri="{FF2B5EF4-FFF2-40B4-BE49-F238E27FC236}">
                  <a16:creationId xmlns:a16="http://schemas.microsoft.com/office/drawing/2014/main" id="{26119FEB-ECDA-7248-7251-2938296151CE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3165394" y="4899737"/>
              <a:ext cx="1060215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US 2 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Keine</a:t>
              </a: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 </a:t>
              </a:r>
              <a:b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</a:b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Anmeldung</a:t>
              </a:r>
              <a:endParaRPr lang="en-US" sz="9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  <p:grpSp>
        <p:nvGrpSpPr>
          <p:cNvPr id="490" name="Gruppieren 489">
            <a:extLst>
              <a:ext uri="{FF2B5EF4-FFF2-40B4-BE49-F238E27FC236}">
                <a16:creationId xmlns:a16="http://schemas.microsoft.com/office/drawing/2014/main" id="{89156E9F-4902-C7A6-7129-E490E4AAC09B}"/>
              </a:ext>
            </a:extLst>
          </p:cNvPr>
          <p:cNvGrpSpPr/>
          <p:nvPr/>
        </p:nvGrpSpPr>
        <p:grpSpPr>
          <a:xfrm>
            <a:off x="4334317" y="4409387"/>
            <a:ext cx="1697424" cy="415498"/>
            <a:chOff x="4334317" y="4714186"/>
            <a:chExt cx="1697424" cy="415498"/>
          </a:xfrm>
        </p:grpSpPr>
        <p:sp>
          <p:nvSpPr>
            <p:cNvPr id="24" name="OTLSHAPE_SLM_aec98ba4df184c8881a011a86b46a3d7_Shape">
              <a:extLst>
                <a:ext uri="{FF2B5EF4-FFF2-40B4-BE49-F238E27FC236}">
                  <a16:creationId xmlns:a16="http://schemas.microsoft.com/office/drawing/2014/main" id="{B047C500-D6D2-C130-3DBD-32E247AF0305}"/>
                </a:ext>
              </a:extLst>
            </p:cNvPr>
            <p:cNvSpPr/>
            <p:nvPr>
              <p:custDataLst>
                <p:tags r:id="rId65"/>
              </p:custDataLst>
            </p:nvPr>
          </p:nvSpPr>
          <p:spPr>
            <a:xfrm>
              <a:off x="4334317" y="4727889"/>
              <a:ext cx="161149" cy="174337"/>
            </a:xfrm>
            <a:prstGeom prst="diamond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25" name="OTLSHAPE_SLM_aec98ba4df184c8881a011a86b46a3d7_Title">
              <a:extLst>
                <a:ext uri="{FF2B5EF4-FFF2-40B4-BE49-F238E27FC236}">
                  <a16:creationId xmlns:a16="http://schemas.microsoft.com/office/drawing/2014/main" id="{A08279AE-BC76-9DE1-C689-1046034E4C88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4556566" y="4714186"/>
              <a:ext cx="1475175" cy="41549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US 6 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Maschinen</a:t>
              </a: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-</a:t>
              </a:r>
              <a:b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</a:b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stammdaten</a:t>
              </a: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 in </a:t>
              </a:r>
            </a:p>
            <a:p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Webapp 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übertragen</a:t>
              </a:r>
              <a:endParaRPr lang="en-US" sz="9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  <p:grpSp>
        <p:nvGrpSpPr>
          <p:cNvPr id="497" name="Gruppieren 496">
            <a:extLst>
              <a:ext uri="{FF2B5EF4-FFF2-40B4-BE49-F238E27FC236}">
                <a16:creationId xmlns:a16="http://schemas.microsoft.com/office/drawing/2014/main" id="{A796E47D-CA96-DAE0-9F12-C28CEBE0B184}"/>
              </a:ext>
            </a:extLst>
          </p:cNvPr>
          <p:cNvGrpSpPr/>
          <p:nvPr/>
        </p:nvGrpSpPr>
        <p:grpSpPr>
          <a:xfrm>
            <a:off x="7209482" y="4035274"/>
            <a:ext cx="1697424" cy="279107"/>
            <a:chOff x="7209482" y="4340073"/>
            <a:chExt cx="1697424" cy="279107"/>
          </a:xfrm>
        </p:grpSpPr>
        <p:sp>
          <p:nvSpPr>
            <p:cNvPr id="29" name="OTLSHAPE_SLM_aec98ba4df184c8881a011a86b46a3d7_Shape">
              <a:extLst>
                <a:ext uri="{FF2B5EF4-FFF2-40B4-BE49-F238E27FC236}">
                  <a16:creationId xmlns:a16="http://schemas.microsoft.com/office/drawing/2014/main" id="{390D7C59-F6E9-22DB-2871-35AF5001174C}"/>
                </a:ext>
              </a:extLst>
            </p:cNvPr>
            <p:cNvSpPr/>
            <p:nvPr>
              <p:custDataLst>
                <p:tags r:id="rId63"/>
              </p:custDataLst>
            </p:nvPr>
          </p:nvSpPr>
          <p:spPr>
            <a:xfrm>
              <a:off x="7209482" y="4340073"/>
              <a:ext cx="161149" cy="174337"/>
            </a:xfrm>
            <a:prstGeom prst="diamond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30" name="OTLSHAPE_SLM_aec98ba4df184c8881a011a86b46a3d7_Title">
              <a:extLst>
                <a:ext uri="{FF2B5EF4-FFF2-40B4-BE49-F238E27FC236}">
                  <a16:creationId xmlns:a16="http://schemas.microsoft.com/office/drawing/2014/main" id="{9C6EFA9E-6C4E-B6B9-5C48-6BD7BAEFF084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7431731" y="4342181"/>
              <a:ext cx="1475175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US 7.1 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Speicherung</a:t>
              </a: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 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Maschinenstammdaten</a:t>
              </a:r>
              <a:endParaRPr lang="en-US" sz="9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  <p:grpSp>
        <p:nvGrpSpPr>
          <p:cNvPr id="493" name="Gruppieren 492">
            <a:extLst>
              <a:ext uri="{FF2B5EF4-FFF2-40B4-BE49-F238E27FC236}">
                <a16:creationId xmlns:a16="http://schemas.microsoft.com/office/drawing/2014/main" id="{5BF6668E-F7EA-414D-FBDD-76F34DEDCD43}"/>
              </a:ext>
            </a:extLst>
          </p:cNvPr>
          <p:cNvGrpSpPr/>
          <p:nvPr/>
        </p:nvGrpSpPr>
        <p:grpSpPr>
          <a:xfrm>
            <a:off x="5763151" y="4413053"/>
            <a:ext cx="1697424" cy="276999"/>
            <a:chOff x="5763151" y="4717852"/>
            <a:chExt cx="1697424" cy="276999"/>
          </a:xfrm>
        </p:grpSpPr>
        <p:sp>
          <p:nvSpPr>
            <p:cNvPr id="31" name="OTLSHAPE_SLM_aec98ba4df184c8881a011a86b46a3d7_Shape">
              <a:extLst>
                <a:ext uri="{FF2B5EF4-FFF2-40B4-BE49-F238E27FC236}">
                  <a16:creationId xmlns:a16="http://schemas.microsoft.com/office/drawing/2014/main" id="{7F7F77C9-15AD-483A-EFDC-91901FF2AFCD}"/>
                </a:ext>
              </a:extLst>
            </p:cNvPr>
            <p:cNvSpPr/>
            <p:nvPr>
              <p:custDataLst>
                <p:tags r:id="rId61"/>
              </p:custDataLst>
            </p:nvPr>
          </p:nvSpPr>
          <p:spPr>
            <a:xfrm>
              <a:off x="5763151" y="4727620"/>
              <a:ext cx="161149" cy="174337"/>
            </a:xfrm>
            <a:prstGeom prst="diamond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35" name="OTLSHAPE_SLM_aec98ba4df184c8881a011a86b46a3d7_Title">
              <a:extLst>
                <a:ext uri="{FF2B5EF4-FFF2-40B4-BE49-F238E27FC236}">
                  <a16:creationId xmlns:a16="http://schemas.microsoft.com/office/drawing/2014/main" id="{B178C885-9E66-7535-FA62-C801719E6BB0}"/>
                </a:ext>
              </a:extLst>
            </p:cNvPr>
            <p:cNvSpPr txBox="1"/>
            <p:nvPr>
              <p:custDataLst>
                <p:tags r:id="rId62"/>
              </p:custDataLst>
            </p:nvPr>
          </p:nvSpPr>
          <p:spPr>
            <a:xfrm>
              <a:off x="5985400" y="4717852"/>
              <a:ext cx="1475175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US 7.2 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Speicherung</a:t>
              </a: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 </a:t>
              </a:r>
            </a:p>
            <a:p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Foto</a:t>
              </a:r>
              <a:endParaRPr lang="en-US" sz="9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  <p:grpSp>
        <p:nvGrpSpPr>
          <p:cNvPr id="494" name="Gruppieren 493">
            <a:extLst>
              <a:ext uri="{FF2B5EF4-FFF2-40B4-BE49-F238E27FC236}">
                <a16:creationId xmlns:a16="http://schemas.microsoft.com/office/drawing/2014/main" id="{E73C5C32-A215-32A6-D7BD-C3C14701D2B8}"/>
              </a:ext>
            </a:extLst>
          </p:cNvPr>
          <p:cNvGrpSpPr/>
          <p:nvPr/>
        </p:nvGrpSpPr>
        <p:grpSpPr>
          <a:xfrm>
            <a:off x="5763151" y="4045428"/>
            <a:ext cx="1292008" cy="276999"/>
            <a:chOff x="5763151" y="4350227"/>
            <a:chExt cx="1292008" cy="276999"/>
          </a:xfrm>
        </p:grpSpPr>
        <p:sp>
          <p:nvSpPr>
            <p:cNvPr id="36" name="OTLSHAPE_SLM_aec98ba4df184c8881a011a86b46a3d7_Shape">
              <a:extLst>
                <a:ext uri="{FF2B5EF4-FFF2-40B4-BE49-F238E27FC236}">
                  <a16:creationId xmlns:a16="http://schemas.microsoft.com/office/drawing/2014/main" id="{05990320-8761-6C06-6E66-06206654A513}"/>
                </a:ext>
              </a:extLst>
            </p:cNvPr>
            <p:cNvSpPr/>
            <p:nvPr>
              <p:custDataLst>
                <p:tags r:id="rId59"/>
              </p:custDataLst>
            </p:nvPr>
          </p:nvSpPr>
          <p:spPr>
            <a:xfrm>
              <a:off x="5763151" y="4365929"/>
              <a:ext cx="161149" cy="174337"/>
            </a:xfrm>
            <a:prstGeom prst="diamond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38" name="OTLSHAPE_SLM_aec98ba4df184c8881a011a86b46a3d7_Title">
              <a:extLst>
                <a:ext uri="{FF2B5EF4-FFF2-40B4-BE49-F238E27FC236}">
                  <a16:creationId xmlns:a16="http://schemas.microsoft.com/office/drawing/2014/main" id="{10342C1B-F831-26AF-D0CB-0DEB769B2C2D}"/>
                </a:ext>
              </a:extLst>
            </p:cNvPr>
            <p:cNvSpPr txBox="1"/>
            <p:nvPr>
              <p:custDataLst>
                <p:tags r:id="rId60"/>
              </p:custDataLst>
            </p:nvPr>
          </p:nvSpPr>
          <p:spPr>
            <a:xfrm>
              <a:off x="5985400" y="4350227"/>
              <a:ext cx="1069759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US 7.4 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Speicherung</a:t>
              </a: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 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Kommentar</a:t>
              </a:r>
              <a:endParaRPr lang="en-US" sz="9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  <p:grpSp>
        <p:nvGrpSpPr>
          <p:cNvPr id="496" name="Gruppieren 495">
            <a:extLst>
              <a:ext uri="{FF2B5EF4-FFF2-40B4-BE49-F238E27FC236}">
                <a16:creationId xmlns:a16="http://schemas.microsoft.com/office/drawing/2014/main" id="{8D9457F0-CF28-3D5F-2D77-7AAFCDFBC47A}"/>
              </a:ext>
            </a:extLst>
          </p:cNvPr>
          <p:cNvGrpSpPr/>
          <p:nvPr/>
        </p:nvGrpSpPr>
        <p:grpSpPr>
          <a:xfrm>
            <a:off x="7204130" y="3747569"/>
            <a:ext cx="1697424" cy="276999"/>
            <a:chOff x="7204130" y="4052368"/>
            <a:chExt cx="1697424" cy="276999"/>
          </a:xfrm>
        </p:grpSpPr>
        <p:sp>
          <p:nvSpPr>
            <p:cNvPr id="39" name="OTLSHAPE_SLM_aec98ba4df184c8881a011a86b46a3d7_Shape">
              <a:extLst>
                <a:ext uri="{FF2B5EF4-FFF2-40B4-BE49-F238E27FC236}">
                  <a16:creationId xmlns:a16="http://schemas.microsoft.com/office/drawing/2014/main" id="{0972618E-B2A8-DBCA-7DC4-082E0764BFF6}"/>
                </a:ext>
              </a:extLst>
            </p:cNvPr>
            <p:cNvSpPr/>
            <p:nvPr>
              <p:custDataLst>
                <p:tags r:id="rId57"/>
              </p:custDataLst>
            </p:nvPr>
          </p:nvSpPr>
          <p:spPr>
            <a:xfrm>
              <a:off x="7204130" y="4068071"/>
              <a:ext cx="161149" cy="174337"/>
            </a:xfrm>
            <a:prstGeom prst="diamond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40" name="OTLSHAPE_SLM_aec98ba4df184c8881a011a86b46a3d7_Title">
              <a:extLst>
                <a:ext uri="{FF2B5EF4-FFF2-40B4-BE49-F238E27FC236}">
                  <a16:creationId xmlns:a16="http://schemas.microsoft.com/office/drawing/2014/main" id="{CE93A23C-EEE9-B437-D230-32B26A5525CF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7426379" y="4052368"/>
              <a:ext cx="1475175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US 7.5 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Speicherung</a:t>
              </a: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 </a:t>
              </a:r>
            </a:p>
            <a:p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downtime-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Meldung</a:t>
              </a:r>
              <a:endParaRPr lang="en-US" sz="9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  <p:grpSp>
        <p:nvGrpSpPr>
          <p:cNvPr id="495" name="Gruppieren 494">
            <a:extLst>
              <a:ext uri="{FF2B5EF4-FFF2-40B4-BE49-F238E27FC236}">
                <a16:creationId xmlns:a16="http://schemas.microsoft.com/office/drawing/2014/main" id="{BF691490-5BBD-3562-0898-83E3060B3174}"/>
              </a:ext>
            </a:extLst>
          </p:cNvPr>
          <p:cNvGrpSpPr/>
          <p:nvPr/>
        </p:nvGrpSpPr>
        <p:grpSpPr>
          <a:xfrm>
            <a:off x="5761811" y="3740882"/>
            <a:ext cx="1193218" cy="276999"/>
            <a:chOff x="5761811" y="4045681"/>
            <a:chExt cx="1193218" cy="276999"/>
          </a:xfrm>
        </p:grpSpPr>
        <p:sp>
          <p:nvSpPr>
            <p:cNvPr id="41" name="OTLSHAPE_SLM_aec98ba4df184c8881a011a86b46a3d7_Shape">
              <a:extLst>
                <a:ext uri="{FF2B5EF4-FFF2-40B4-BE49-F238E27FC236}">
                  <a16:creationId xmlns:a16="http://schemas.microsoft.com/office/drawing/2014/main" id="{C109BC1D-1BA8-BCAC-0777-BA7973A53F84}"/>
                </a:ext>
              </a:extLst>
            </p:cNvPr>
            <p:cNvSpPr/>
            <p:nvPr>
              <p:custDataLst>
                <p:tags r:id="rId55"/>
              </p:custDataLst>
            </p:nvPr>
          </p:nvSpPr>
          <p:spPr>
            <a:xfrm>
              <a:off x="5761811" y="4079594"/>
              <a:ext cx="161149" cy="174337"/>
            </a:xfrm>
            <a:prstGeom prst="diamond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44" name="OTLSHAPE_SLM_aec98ba4df184c8881a011a86b46a3d7_Title">
              <a:extLst>
                <a:ext uri="{FF2B5EF4-FFF2-40B4-BE49-F238E27FC236}">
                  <a16:creationId xmlns:a16="http://schemas.microsoft.com/office/drawing/2014/main" id="{BCDC1C00-DD38-BC74-CAFC-B98527D0C0A6}"/>
                </a:ext>
              </a:extLst>
            </p:cNvPr>
            <p:cNvSpPr txBox="1"/>
            <p:nvPr>
              <p:custDataLst>
                <p:tags r:id="rId56"/>
              </p:custDataLst>
            </p:nvPr>
          </p:nvSpPr>
          <p:spPr>
            <a:xfrm>
              <a:off x="5985401" y="4045681"/>
              <a:ext cx="969628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US 8 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Erfassung</a:t>
              </a: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 </a:t>
              </a:r>
              <a:b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</a:b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Kommentar</a:t>
              </a:r>
              <a:endParaRPr lang="en-US" sz="9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  <p:grpSp>
        <p:nvGrpSpPr>
          <p:cNvPr id="484" name="Gruppieren 483">
            <a:extLst>
              <a:ext uri="{FF2B5EF4-FFF2-40B4-BE49-F238E27FC236}">
                <a16:creationId xmlns:a16="http://schemas.microsoft.com/office/drawing/2014/main" id="{6867AC94-3030-C5B6-589D-AC9B0A724EDF}"/>
              </a:ext>
            </a:extLst>
          </p:cNvPr>
          <p:cNvGrpSpPr/>
          <p:nvPr/>
        </p:nvGrpSpPr>
        <p:grpSpPr>
          <a:xfrm>
            <a:off x="4333401" y="5174359"/>
            <a:ext cx="1253574" cy="174337"/>
            <a:chOff x="4333401" y="5366339"/>
            <a:chExt cx="1253574" cy="174337"/>
          </a:xfrm>
        </p:grpSpPr>
        <p:sp>
          <p:nvSpPr>
            <p:cNvPr id="54" name="OTLSHAPE_SLM_aec98ba4df184c8881a011a86b46a3d7_Shape">
              <a:extLst>
                <a:ext uri="{FF2B5EF4-FFF2-40B4-BE49-F238E27FC236}">
                  <a16:creationId xmlns:a16="http://schemas.microsoft.com/office/drawing/2014/main" id="{030AFC63-B3D3-4669-2AF8-04CE5A24519D}"/>
                </a:ext>
              </a:extLst>
            </p:cNvPr>
            <p:cNvSpPr/>
            <p:nvPr>
              <p:custDataLst>
                <p:tags r:id="rId53"/>
              </p:custDataLst>
            </p:nvPr>
          </p:nvSpPr>
          <p:spPr>
            <a:xfrm>
              <a:off x="4333401" y="5366339"/>
              <a:ext cx="161149" cy="174337"/>
            </a:xfrm>
            <a:prstGeom prst="diamond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55" name="OTLSHAPE_SLM_aec98ba4df184c8881a011a86b46a3d7_Title">
              <a:extLst>
                <a:ext uri="{FF2B5EF4-FFF2-40B4-BE49-F238E27FC236}">
                  <a16:creationId xmlns:a16="http://schemas.microsoft.com/office/drawing/2014/main" id="{9CC25F47-C263-AFC5-EE56-8ACD5EB4C91E}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4555650" y="5372381"/>
              <a:ext cx="1031325" cy="1384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US 10 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Foto</a:t>
              </a:r>
              <a:r>
                <a:rPr lang="en-US" sz="900" b="1" spc="-10" dirty="0">
                  <a:solidFill>
                    <a:schemeClr val="dk1"/>
                  </a:solidFill>
                  <a:latin typeface="Calibri" panose="020F0502020204030204" pitchFamily="34" charset="0"/>
                </a:rPr>
                <a:t> </a:t>
              </a:r>
              <a:r>
                <a:rPr lang="en-US" sz="900" b="1" spc="-10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löschen</a:t>
              </a:r>
              <a:endParaRPr lang="en-US" sz="900" b="1" spc="-10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  <p:sp>
        <p:nvSpPr>
          <p:cNvPr id="449" name="OTLSHAPE_SLM_aec98ba4df184c8881a011a86b46a3d7_Shape">
            <a:extLst>
              <a:ext uri="{FF2B5EF4-FFF2-40B4-BE49-F238E27FC236}">
                <a16:creationId xmlns:a16="http://schemas.microsoft.com/office/drawing/2014/main" id="{D33D7C7F-E058-A120-B798-DE50A88EBACA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637762" y="3758080"/>
            <a:ext cx="161149" cy="174337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452" name="OTLSHAPE_SLM_aec98ba4df184c8881a011a86b46a3d7_Title">
            <a:extLst>
              <a:ext uri="{FF2B5EF4-FFF2-40B4-BE49-F238E27FC236}">
                <a16:creationId xmlns:a16="http://schemas.microsoft.com/office/drawing/2014/main" id="{B89AA2F6-AD63-F003-5661-09343565F9A5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8894148" y="3745400"/>
            <a:ext cx="462216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Bugfixes</a:t>
            </a:r>
          </a:p>
        </p:txBody>
      </p:sp>
      <p:grpSp>
        <p:nvGrpSpPr>
          <p:cNvPr id="50" name="Gruppieren 49">
            <a:extLst>
              <a:ext uri="{FF2B5EF4-FFF2-40B4-BE49-F238E27FC236}">
                <a16:creationId xmlns:a16="http://schemas.microsoft.com/office/drawing/2014/main" id="{6013C7EC-BB99-4223-F1DC-153570B17EC1}"/>
              </a:ext>
            </a:extLst>
          </p:cNvPr>
          <p:cNvGrpSpPr/>
          <p:nvPr/>
        </p:nvGrpSpPr>
        <p:grpSpPr>
          <a:xfrm>
            <a:off x="4341142" y="2594910"/>
            <a:ext cx="1545726" cy="182496"/>
            <a:chOff x="2910251" y="2901679"/>
            <a:chExt cx="1545726" cy="182496"/>
          </a:xfrm>
        </p:grpSpPr>
        <p:sp>
          <p:nvSpPr>
            <p:cNvPr id="51" name="OTLSHAPE_SLM_26615f3a416d4a0a83511ad17e513011_Shape">
              <a:extLst>
                <a:ext uri="{FF2B5EF4-FFF2-40B4-BE49-F238E27FC236}">
                  <a16:creationId xmlns:a16="http://schemas.microsoft.com/office/drawing/2014/main" id="{F0BDEB61-25B7-5176-4FEB-1B2C5B4BFDF0}"/>
                </a:ext>
              </a:extLst>
            </p:cNvPr>
            <p:cNvSpPr/>
            <p:nvPr>
              <p:custDataLst>
                <p:tags r:id="rId51"/>
              </p:custDataLst>
            </p:nvPr>
          </p:nvSpPr>
          <p:spPr>
            <a:xfrm>
              <a:off x="2910251" y="2909838"/>
              <a:ext cx="161149" cy="174337"/>
            </a:xfrm>
            <a:prstGeom prst="star8">
              <a:avLst/>
            </a:prstGeom>
            <a:solidFill>
              <a:schemeClr val="accent5">
                <a:lumMod val="75000"/>
              </a:schemeClr>
            </a:solidFill>
            <a:ln w="12700" cap="flat" cmpd="sng" algn="ctr">
              <a:noFill/>
              <a:prstDash val="solid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900"/>
            </a:p>
          </p:txBody>
        </p:sp>
        <p:sp>
          <p:nvSpPr>
            <p:cNvPr id="52" name="OTLSHAPE_SLM_26615f3a416d4a0a83511ad17e513011_Title">
              <a:extLst>
                <a:ext uri="{FF2B5EF4-FFF2-40B4-BE49-F238E27FC236}">
                  <a16:creationId xmlns:a16="http://schemas.microsoft.com/office/drawing/2014/main" id="{AE35C2BC-3D25-35A0-022D-D82EF35C6338}"/>
                </a:ext>
              </a:extLst>
            </p:cNvPr>
            <p:cNvSpPr txBox="1"/>
            <p:nvPr>
              <p:custDataLst>
                <p:tags r:id="rId52"/>
              </p:custDataLst>
            </p:nvPr>
          </p:nvSpPr>
          <p:spPr>
            <a:xfrm>
              <a:off x="3173277" y="2901679"/>
              <a:ext cx="1282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9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GUI</a:t>
              </a:r>
            </a:p>
          </p:txBody>
        </p:sp>
      </p:grpSp>
      <p:grpSp>
        <p:nvGrpSpPr>
          <p:cNvPr id="468" name="Gruppieren 467">
            <a:extLst>
              <a:ext uri="{FF2B5EF4-FFF2-40B4-BE49-F238E27FC236}">
                <a16:creationId xmlns:a16="http://schemas.microsoft.com/office/drawing/2014/main" id="{0E3A6947-4462-0CE7-9492-8057E5EF07AF}"/>
              </a:ext>
            </a:extLst>
          </p:cNvPr>
          <p:cNvGrpSpPr/>
          <p:nvPr/>
        </p:nvGrpSpPr>
        <p:grpSpPr>
          <a:xfrm>
            <a:off x="7205858" y="2582564"/>
            <a:ext cx="1297739" cy="178500"/>
            <a:chOff x="7205858" y="2887363"/>
            <a:chExt cx="1297739" cy="178500"/>
          </a:xfrm>
        </p:grpSpPr>
        <p:sp>
          <p:nvSpPr>
            <p:cNvPr id="62" name="OTLSHAPE_SLM_26615f3a416d4a0a83511ad17e513011_Title">
              <a:extLst>
                <a:ext uri="{FF2B5EF4-FFF2-40B4-BE49-F238E27FC236}">
                  <a16:creationId xmlns:a16="http://schemas.microsoft.com/office/drawing/2014/main" id="{23688804-9ECC-5D4E-4910-7D921EC727BC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7425253" y="2887363"/>
              <a:ext cx="1078344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9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Usability </a:t>
              </a:r>
              <a:r>
                <a:rPr lang="en-US" sz="900" b="1" spc="-6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Testessen</a:t>
              </a:r>
              <a:endParaRPr lang="en-US" sz="900" b="1" spc="-6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67" name="OTLSHAPE_SLM_26615f3a416d4a0a83511ad17e513011_Shape">
              <a:extLst>
                <a:ext uri="{FF2B5EF4-FFF2-40B4-BE49-F238E27FC236}">
                  <a16:creationId xmlns:a16="http://schemas.microsoft.com/office/drawing/2014/main" id="{9235E573-958C-C177-C9A7-93A63966EB41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>
              <a:off x="7205858" y="2891526"/>
              <a:ext cx="161149" cy="174337"/>
            </a:xfrm>
            <a:prstGeom prst="star8">
              <a:avLst/>
            </a:prstGeom>
            <a:solidFill>
              <a:schemeClr val="accent5">
                <a:lumMod val="75000"/>
              </a:schemeClr>
            </a:solidFill>
            <a:ln w="12700" cap="flat" cmpd="sng" algn="ctr">
              <a:noFill/>
              <a:prstDash val="solid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900" dirty="0"/>
            </a:p>
          </p:txBody>
        </p:sp>
      </p:grpSp>
      <p:grpSp>
        <p:nvGrpSpPr>
          <p:cNvPr id="469" name="Gruppieren 468">
            <a:extLst>
              <a:ext uri="{FF2B5EF4-FFF2-40B4-BE49-F238E27FC236}">
                <a16:creationId xmlns:a16="http://schemas.microsoft.com/office/drawing/2014/main" id="{D009C32C-2023-2700-F9AF-ED639D1FB3C0}"/>
              </a:ext>
            </a:extLst>
          </p:cNvPr>
          <p:cNvGrpSpPr/>
          <p:nvPr/>
        </p:nvGrpSpPr>
        <p:grpSpPr>
          <a:xfrm>
            <a:off x="8654844" y="2583069"/>
            <a:ext cx="1297739" cy="178500"/>
            <a:chOff x="7205858" y="2887363"/>
            <a:chExt cx="1297739" cy="178500"/>
          </a:xfrm>
        </p:grpSpPr>
        <p:sp>
          <p:nvSpPr>
            <p:cNvPr id="470" name="OTLSHAPE_SLM_26615f3a416d4a0a83511ad17e513011_Title">
              <a:extLst>
                <a:ext uri="{FF2B5EF4-FFF2-40B4-BE49-F238E27FC236}">
                  <a16:creationId xmlns:a16="http://schemas.microsoft.com/office/drawing/2014/main" id="{9111F64F-6DCE-A6A4-3706-526FCDB93FC7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7425253" y="2887363"/>
              <a:ext cx="1078344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9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DV-</a:t>
              </a:r>
              <a:r>
                <a:rPr lang="en-US" sz="900" b="1" spc="-6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Konzept</a:t>
              </a:r>
              <a:endParaRPr lang="en-US" sz="900" b="1" spc="-6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71" name="OTLSHAPE_SLM_26615f3a416d4a0a83511ad17e513011_Shape">
              <a:extLst>
                <a:ext uri="{FF2B5EF4-FFF2-40B4-BE49-F238E27FC236}">
                  <a16:creationId xmlns:a16="http://schemas.microsoft.com/office/drawing/2014/main" id="{A125ECE3-65BC-E78E-6129-2327E2D1F4E0}"/>
                </a:ext>
              </a:extLst>
            </p:cNvPr>
            <p:cNvSpPr/>
            <p:nvPr>
              <p:custDataLst>
                <p:tags r:id="rId48"/>
              </p:custDataLst>
            </p:nvPr>
          </p:nvSpPr>
          <p:spPr>
            <a:xfrm>
              <a:off x="7205858" y="2891526"/>
              <a:ext cx="161149" cy="174337"/>
            </a:xfrm>
            <a:prstGeom prst="star8">
              <a:avLst/>
            </a:prstGeom>
            <a:solidFill>
              <a:schemeClr val="accent5">
                <a:lumMod val="75000"/>
              </a:schemeClr>
            </a:solidFill>
            <a:ln w="12700" cap="flat" cmpd="sng" algn="ctr">
              <a:noFill/>
              <a:prstDash val="solid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900" dirty="0"/>
            </a:p>
          </p:txBody>
        </p:sp>
      </p:grpSp>
      <p:grpSp>
        <p:nvGrpSpPr>
          <p:cNvPr id="472" name="Gruppieren 471">
            <a:extLst>
              <a:ext uri="{FF2B5EF4-FFF2-40B4-BE49-F238E27FC236}">
                <a16:creationId xmlns:a16="http://schemas.microsoft.com/office/drawing/2014/main" id="{2D11662D-542A-CA4B-16C4-8117FE604A3D}"/>
              </a:ext>
            </a:extLst>
          </p:cNvPr>
          <p:cNvGrpSpPr/>
          <p:nvPr/>
        </p:nvGrpSpPr>
        <p:grpSpPr>
          <a:xfrm>
            <a:off x="8658601" y="2935500"/>
            <a:ext cx="1297739" cy="178500"/>
            <a:chOff x="7205858" y="2887363"/>
            <a:chExt cx="1297739" cy="178500"/>
          </a:xfrm>
        </p:grpSpPr>
        <p:sp>
          <p:nvSpPr>
            <p:cNvPr id="473" name="OTLSHAPE_SLM_26615f3a416d4a0a83511ad17e513011_Title">
              <a:extLst>
                <a:ext uri="{FF2B5EF4-FFF2-40B4-BE49-F238E27FC236}">
                  <a16:creationId xmlns:a16="http://schemas.microsoft.com/office/drawing/2014/main" id="{FF65F607-F959-9B0F-8C97-2F9F36697099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7425253" y="2887363"/>
              <a:ext cx="1078344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900" b="1" spc="-6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Architektur</a:t>
              </a:r>
              <a:endParaRPr lang="en-US" sz="900" b="1" spc="-6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74" name="OTLSHAPE_SLM_26615f3a416d4a0a83511ad17e513011_Shape">
              <a:extLst>
                <a:ext uri="{FF2B5EF4-FFF2-40B4-BE49-F238E27FC236}">
                  <a16:creationId xmlns:a16="http://schemas.microsoft.com/office/drawing/2014/main" id="{876A2A75-CD7F-3BF4-D208-D214599ABC5F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7205858" y="2891526"/>
              <a:ext cx="161149" cy="174337"/>
            </a:xfrm>
            <a:prstGeom prst="star8">
              <a:avLst/>
            </a:prstGeom>
            <a:solidFill>
              <a:schemeClr val="accent5">
                <a:lumMod val="75000"/>
              </a:schemeClr>
            </a:solidFill>
            <a:ln w="12700" cap="flat" cmpd="sng" algn="ctr">
              <a:noFill/>
              <a:prstDash val="solid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900" dirty="0"/>
            </a:p>
          </p:txBody>
        </p:sp>
      </p:grpSp>
      <p:grpSp>
        <p:nvGrpSpPr>
          <p:cNvPr id="475" name="Gruppieren 474">
            <a:extLst>
              <a:ext uri="{FF2B5EF4-FFF2-40B4-BE49-F238E27FC236}">
                <a16:creationId xmlns:a16="http://schemas.microsoft.com/office/drawing/2014/main" id="{A641FC54-92AF-7698-8A26-E0A6E235D6D2}"/>
              </a:ext>
            </a:extLst>
          </p:cNvPr>
          <p:cNvGrpSpPr/>
          <p:nvPr/>
        </p:nvGrpSpPr>
        <p:grpSpPr>
          <a:xfrm>
            <a:off x="8667799" y="3276917"/>
            <a:ext cx="1297739" cy="178500"/>
            <a:chOff x="7205858" y="2887363"/>
            <a:chExt cx="1297739" cy="178500"/>
          </a:xfrm>
        </p:grpSpPr>
        <p:sp>
          <p:nvSpPr>
            <p:cNvPr id="476" name="OTLSHAPE_SLM_26615f3a416d4a0a83511ad17e513011_Title">
              <a:extLst>
                <a:ext uri="{FF2B5EF4-FFF2-40B4-BE49-F238E27FC236}">
                  <a16:creationId xmlns:a16="http://schemas.microsoft.com/office/drawing/2014/main" id="{554F0607-80CB-2965-945F-209B0EFFBF09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7425253" y="2887363"/>
              <a:ext cx="1078344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900" b="1" spc="-6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Entwicklungs-abschluss</a:t>
              </a:r>
              <a:endParaRPr lang="en-US" sz="900" b="1" spc="-6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77" name="OTLSHAPE_SLM_26615f3a416d4a0a83511ad17e513011_Shape">
              <a:extLst>
                <a:ext uri="{FF2B5EF4-FFF2-40B4-BE49-F238E27FC236}">
                  <a16:creationId xmlns:a16="http://schemas.microsoft.com/office/drawing/2014/main" id="{982522C2-E1A6-BACD-F6BF-C7C9F973AF37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>
              <a:off x="7205858" y="2891526"/>
              <a:ext cx="161149" cy="174337"/>
            </a:xfrm>
            <a:prstGeom prst="star8">
              <a:avLst/>
            </a:prstGeom>
            <a:solidFill>
              <a:schemeClr val="accent5">
                <a:lumMod val="75000"/>
              </a:schemeClr>
            </a:solidFill>
            <a:ln w="12700" cap="flat" cmpd="sng" algn="ctr">
              <a:noFill/>
              <a:prstDash val="solid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900" dirty="0"/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9957311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S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MxIiwiTWFyZ2luIjp7IiRpZCI6IjMyIiwiVG9wIjowLjAsIkxlZnQiOjQuMCwiUmlnaHQiOjQuMCwiQm90dG9tIjowLjB9LCJQYWRkaW5nIjp7IiRpZCI6IjMzIiwiVG9wIjowLjAsIkxlZnQiOjAuMCwiUmlnaHQiOjAuMCwiQm90dG9tIjowLjB9LCJCYWNrZ3JvdW5kIjp7IiRpZCI6IjM0IiwiQ29sb3IiOnsiJGlkIjoiMzUiLCJBIjoyNTUsIlIiOjE2NSwiRyI6MTY1LCJCIjoxNjV9fSwiSXNWaXNpYmxlIjp0cnVlLCJXaWR0aCI6MC4wLCJIZWlnaHQiOjE2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EiLCJUb3AiOjAuMCwiTGVmdCI6MC4wLCJSaWdodCI6MC4wLCJCb3R0b20iOjAuMH0sIlBhZGRpbmciOnsiJGlkIjoiNTIiLCJUb3AiOjAuMCwiTGVmdCI6MC4wLCJSaWdodCI6MC4wLCJCb3R0b20iOjAuMH0sIkJhY2tncm91bmQiOnsiJGlkIjoiNTMiLCJDb2xvciI6eyIkcmVmIjoiMTUifX0sIklzVmlzaWJsZSI6dHJ1ZSwiV2lkdGgiOjAuMCwiSGVpZ2h0IjowLjAsIkJvcmRlclN0eWxlIjp7IiRpZCI6IjU0IiwiTGluZUNvbG9yIjpudWxsLCJMaW5lV2VpZ2h0IjowLjAsIkxpbmVUeXBlIjowLCJQYXJlbnRTdHlsZSI6bnVsbH0sIlBhcmVudFN0eWxlIjpudWxsfSwiRGF0ZUZvcm1hdCI6eyIkaWQiOiI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kiLCJUb3AiOjAuMCwiTGVmdCI6MC4wLCJSaWdodCI6MC4wLCJCb3R0b20iOjAuMH0sIlBhZGRpbmciOnsiJGlkIjoiODAiLCJUb3AiOjAuMCwiTGVmdCI6MC4wLCJSaWdodCI6MC4wLCJCb3R0b20iOjAuMH0sIkJhY2tncm91bmQiOnsiJGlkIjoiODEiLCJDb2xvciI6eyIkcmVmIjoiMTUifX0sIklzVmlzaWJsZSI6ZmFsc2UsIldpZHRoIjowLjAsIkhlaWdodCI6MC4wLCJCb3JkZXJTdHlsZSI6bnVsbCwiUGFyZW50U3R5bGUiOm51bGx9LCJEYXRlRm9ybWF0Ijp7IiRpZCI6Ij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OTUiLCJGb250U2V0dGluZ3MiOnsiJGlkIjoiOTY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xMTAiLCJGb250U2V0dGluZ3MiOnsiJGlkIjoiMTEx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x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MTI1IiwiRm9udFNldHRpbmdzIjp7IiRpZCI6IjEyNi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MTQxIiwiRm9udFNldHRpbmdzIjp7IiRpZCI6IjE0Mi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MT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MTU2IiwiRm9udFNldHRpbmdzIjp7IiRpZCI6IjE1Ny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MT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E3MSIsIkZvbnRTZXR0aW5ncyI6eyIkaWQiOiIxNzI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E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MTg3IiwiRm9udFNldHRpbmdzIjp7IiRpZCI6IjE4OC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MT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2NCIsIlRvcCI6MC4wLCJMZWZ0IjowLjAsIlJpZ2h0IjowLjAsIkJvdHRvbSI6MC4wfSwiUGFkZGluZyI6eyIkaWQiOiIyNjUiLCJUb3AiOjAuMCwiTGVmdCI6MC4wLCJSaWdodCI6MC4wLCJCb3R0b20iOjAuMH0sIkJhY2tncm91bmQiOnsiJGlkIjoiMjY2IiwiQ29sb3IiOnsiJGlkIjoiMjY3IiwiQSI6MCwiUiI6MCwiRyI6MCwiQiI6MH19LCJJc1Zpc2libGUiOnRydWUsIldpZHRoIjowLjAsIkhlaWdodCI6MC4wLCJCb3JkZXJTdHlsZSI6bnVsbCwiUGFyZW50U3R5bGUiOm51bGx9LCJEYXRlU3R5bGUiOnsiJGlkIjoiMjY4IiwiRm9udFNldHRpbmdzIjp7IiRpZCI6IjI2O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aWQiOiIyNzAiLCJUb3AiOjAuMCwiTGVmdCI6MC4wLCJSaWdodCI6MC4wLCJCb3R0b20iOjAuMH0sIlBhZGRpbmciOnsiJGlkIjoiMjcxIiwiVG9wIjowLjAsIkxlZnQiOjAuMCwiUmlnaHQiOjAuMCwiQm90dG9tIjowLjB9LCJCYWNrZ3JvdW5kIjp7IiRpZCI6IjI3MiIsIkNvbG9yIjp7IiRyZWYiOiIyNjcifX0sIklzVmlzaWJsZSI6ZmFsc2UsIldpZHRoIjowLjAsIkhlaWdodCI6MC4wLCJCb3JkZXJTdHlsZSI6bnVsbCwiUGFyZW50U3R5bGUiOm51bGx9LCJEYXRlRm9ybWF0Ijp7IiRpZCI6IjI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ODgiLCJUb3AiOjAuMCwiTGVmdCI6MC4wLCJSaWdodCI6MC4wLCJCb3R0b20iOjAuMH0sIlBhZGRpbmciOnsiJGlkIjoiMjg5IiwiVG9wIjowLjAsIkxlZnQiOjAuMCwiUmlnaHQiOjAuMCwiQm90dG9tIjowLjB9LCJCYWNrZ3JvdW5kIjp7IiRyZWYiOiIyNjYifSwiSXNWaXNpYmxlIjp0cnVlLCJXaWR0aCI6MC4wLCJIZWlnaHQiOjAuMCwiQm9yZGVyU3R5bGUiOm51bGwsIlBhcmVudFN0eWxlIjpudWxsfSwiRGF0ZVN0eWxlIjp7IiRpZCI6IjI5MCIsIkZvbnRTZXR0aW5ncyI6eyIkaWQiOiIyOTE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GlkIjoiMjkyIiwiVG9wIjowLjAsIkxlZnQiOjAuMCwiUmlnaHQiOjAuMCwiQm90dG9tIjowLjB9LCJQYWRkaW5nIjp7IiRpZCI6IjI5MyIsIlRvcCI6MC4wLCJMZWZ0IjowLjAsIlJpZ2h0IjowLjAsIkJvdHRvbSI6MC4wfSwiQmFja2dyb3VuZCI6eyIkcmVmIjoiMjcyIn0sIklzVmlzaWJsZSI6ZmFsc2UsIldpZHRoIjowLjAsIkhlaWdodCI6MC4wLCJCb3JkZXJTdHlsZSI6bnVsbCwiUGFyZW50U3R5bGUiOm51bGx9LCJEYXRlRm9ybWF0Ijp7IiRpZCI6IjI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MwNyIsIkZvbnRTZXR0aW5ncyI6eyIkaWQiOiIzMDg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M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M0NiIsIkZvbnRTZXR0aW5ncyI6eyIkaWQiOiIzNDc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M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zNjEiLCJGb250U2V0dGluZ3MiOnsiJGlkIjoiMzYy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zN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zgiLCJUb3AiOjAuMCwiTGVmdCI6MC4wLCJSaWdodCI6MC4wLCJCb3R0b20iOjAuMH0sIlBhZGRpbmciOnsiJGlkIjoiMzc5IiwiVG9wIjowLjAsIkxlZnQiOjAuMCwiUmlnaHQiOjAuMCwiQm90dG9tIjowLjB9LCJCYWNrZ3JvdW5kIjp7IiRyZWYiOiIyNjYifSwiSXNWaXNpYmxlIjp0cnVlLCJXaWR0aCI6MC4wLCJIZWlnaHQiOjAuMCwiQm9yZGVyU3R5bGUiOm51bGwsIlBhcmVudFN0eWxlIjpudWxsfSwiRGF0ZVN0eWxlIjp7IiRpZCI6IjM4MCIsIkZvbnRTZXR0aW5ncyI6eyIkaWQiOiIzODE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GlkIjoiMzgyIiwiVG9wIjowLjAsIkxlZnQiOjAuMCwiUmlnaHQiOjAuMCwiQm90dG9tIjowLjB9LCJQYWRkaW5nIjp7IiRpZCI6IjM4MyIsIlRvcCI6MC4wLCJMZWZ0IjowLjAsIlJpZ2h0IjowLjAsIkJvdHRvbSI6MC4wfSwiQmFja2dyb3VuZCI6eyIkcmVmIjoiMjcyIn0sIklzVmlzaWJsZSI6ZmFsc2UsIldpZHRoIjowLjAsIkhlaWdodCI6MC4wLCJCb3JkZXJTdHlsZSI6bnVsbCwiUGFyZW50U3R5bGUiOm51bGx9LCJEYXRlRm9ybWF0Ijp7IiRpZCI6IjM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0MTQiLCJGb250U2V0dGluZ3MiOnsiJGlkIjoiNDE1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0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I1IiwiVG9wIjowLjAsIkxlZnQiOjAuMCwiUmlnaHQiOjAuMCwiQm90dG9tIjowLjB9LCJQYWRkaW5nIjp7IiRpZCI6IjQyNiIsIlRvcCI6MC4wLCJMZWZ0IjowLjAsIlJpZ2h0IjowLjAsIkJvdHRvbSI6MC4wfSwiQmFja2dyb3VuZCI6bnVsbC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ExMiwiRyI6MTczLCJCIjo3M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csIkciOjE4MywiQiI6MTM3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NDgxIiwiRm9udFNldHRpbmdzIjp7IiRpZCI6IjQ4Mi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ND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aWQiOiI1MDIiLCJUb3AiOjAuMCwiTGVmdCI6MC4wLCJSaWdodCI6MC4wLCJCb3R0b20iOjAuMH0sIlBhZGRpbmciOnsiJGlkIjoiNTAzIiwiVG9wIjowLjAsIkxlZnQiOjAuMCwiUmlnaHQiOjAuMCwiQm90dG9tIjowLjB9LCJCYWNrZ3JvdW5kIjp7IiRyZWYiOiIyNzIifSwiSXNWaXNpYmxlIjpmYWxzZSwiV2lkdGgiOjAuMCwiSGVpZ2h0IjowLjAsIkJvcmRlclN0eWxlIjpudWxsLCJQYXJlbnRTdHlsZSI6bnVsbH0sIkRhdGVGb3JtYXQiOnsiJGlkIjoiNTA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GlkIjoiNTIzIiwiVG9wIjowLjAsIkxlZnQiOjAuMCwiUmlnaHQiOjAuMCwiQm90dG9tIjowLjB9LCJQYWRkaW5nIjp7IiRpZCI6IjUyNCIsIlRvcCI6MC4wLCJMZWZ0IjowLjAsIlJpZ2h0IjowLjAsIkJvdHRvbSI6MC4wfSwiQmFja2dyb3VuZCI6eyIkcmVmIjoiMjcyIn0sIklzVmlzaWJsZSI6ZmFsc2UsIldpZHRoIjowLjAsIkhlaWdodCI6MC4wLCJCb3JkZXJTdHlsZSI6bnVsbCwiUGFyZW50U3R5bGUiOm51bGx9LCJEYXRlRm9ybWF0Ijp7IiRpZCI6IjU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1MzgiLCJGb250U2V0dGluZ3MiOnsiJGlkIjoiNTM5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1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GlkIjoiNTYwIiwiVG9wIjowLjAsIkxlZnQiOjAuMCwiUmlnaHQiOjAuMCwiQm90dG9tIjowLjB9LCJQYWRkaW5nIjp7IiRpZCI6IjU2MSIsIlRvcCI6MC4wLCJMZWZ0IjowLjAsIlJpZ2h0IjowLjAsIkJvdHRvbSI6MC4wfSwiQmFja2dyb3VuZCI6eyIkcmVmIjoiMjcyIn0sIklzVmlzaWJsZSI6ZmFsc2UsIldpZHRoIjowLjAsIkhlaWdodCI6MC4wLCJCb3JkZXJTdHlsZSI6bnVsbCwiUGFyZW50U3R5bGUiOm51bGx9LCJEYXRlRm9ybWF0Ijp7IiRpZCI6IjU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NTc1IiwiRm9udFNldHRpbmdzIjp7IiRpZCI6IjU3Ni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NT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NTkwIiwiRm9udFNldHRpbmdzIjp7IiRpZCI6IjU5M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NT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2MDYiLCJGb250U2V0dGluZ3MiOnsiJGlkIjoiNjA3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2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Y3MyIsIkZvbnRTZXR0aW5ncyI6eyIkaWQiOiI2NzQ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Y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Njg4IiwiRm9udFNldHRpbmdzIjp7IiRpZCI6IjY4O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Nj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cwMyIsIkZvbnRTZXR0aW5ncyI6eyIkaWQiOiI3MDQiLCJGb250U2l6ZSI6MTAsIkZvbnROYW1lIjoiQ2FsaWJyaSIsIklzQm9sZCI6ZmFsc2UsIklzSXRhbGljIjpmYWxzZSwiSXNVbmRlcmxpbmVkIjpmYWxzZSwiUGFyZW50U3R5bGUiOm51bGx9LCJBdXRvU2l6ZSI6MCwiRm9yZWdyb3VuZCI6eyIkaWQiOiI3MDUiLCJDb2xvciI6eyIkaWQiOiI3M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3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3MjEiLCJGb250U2V0dGluZ3MiOnsiJGlkIjoiNzIy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3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Nzg4IiwiRm9udFNldHRpbmdzIjp7IiRpZCI6Ijc4O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Nz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4MDMiLCJGb250U2V0dGluZ3MiOnsiJGlkIjoiODA0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4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4MTgiLCJGb250U2V0dGluZ3MiOnsiJGlkIjoiODE5IiwiRm9udFNpemUiOjEwLCJGb250TmFtZSI6IkNhbGlicmkiLCJJc0JvbGQiOmZhbHNlLCJJc0l0YWxpYyI6ZmFsc2UsIklzVW5kZXJsaW5lZCI6ZmFsc2UsIlBhcmVudFN0eWxlIjpudWxsfSwiQXV0b1NpemUiOjAsIkZvcmVncm91bmQiOnsiJGlkIjoiODIwIiwiQ29sb3IiOnsiJGlkIjoiODI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ODI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zMjQifSwiUGFkZGluZyI6eyIkcmVmIjoiMzI1In0sIkJhY2tncm91bmQiOnsiJHJlZiI6Ijc0In0sIklzVmlzaWJsZSI6dHJ1ZSwiV2lkdGgiOjAuMCwiSGVpZ2h0IjowLjAsIkJvcmRlclN0eWxlIjpudWxsLCJQYXJlbnRTdHlsZSI6bnVsbH0sIkRhdGVTdHlsZSI6eyIkaWQiOiI5NDciLCJGb250U2V0dGluZ3MiOnsiJGlkIjoiOTQ4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bnVsbCwiUGFyZW50U3R5bGUiOm51bGx9LCJEdXJhdGlvblN0eWxlIjp7IiRpZCI6Ijk1MyIsIkZvbnRTZXR0aW5ncyI6eyIkaWQiOiI5NTQ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udWxsLCJQYXJlbnRTdHlsZSI6bnVsbH0sIkhvcml6b250YWxDb25uZWN0b3JTdHlsZSI6eyIkaWQiOiI5NTUiLCJMaW5lQ29sb3IiOnsiJHJlZiI6IjI2In0sIkxpbmVXZWlnaHQiOjEuMCwiTGluZVR5cGUiOjAsIlBhcmVudFN0eWxlIjpudWxsfSwiVmVydGljYWxDb25uZWN0b3JTdHlsZSI6eyIkaWQiOiI5NTYiLCJMaW5lQ29sb3IiOnsiJHJlZiI6IjI5In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J9LCJTZXR0aW5ncyI6eyIkaWQiOiIxMDE3IiwiSW1wYU9wdGlvbnMiOnsiJGlkIjoiMTAxO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wMTkiLCJVc2VUaW1lIjpmYWxzZSwiV29ya0RheVN0YXJ0IjoiMDA6MDA6MDAiLCJXb3JrRGF5RW5kIjoiMjM6NTk6MDAifSwiTGFzdFVzZWRUZW1wbGF0ZUlkIjoiY2MyNmY4NjMtMjdjZS00ODBlLWE1ODktYjNmMTJmMmQ2ZWIw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Commerce Update"/>
  <p:tag name="OTLDATE" val="2019-10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utomated Testing"/>
  <p:tag name="OTLDATE" val="2019-10-13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Commerce Update"/>
  <p:tag name="OTLDATE" val="2019-10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ebsite Design &amp; Dev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utomated Testing"/>
  <p:tag name="OTLDATE" val="2019-10-13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Audit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ebsite Design &amp; Dev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ebsite Design &amp; Dev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ebsite Design &amp; Dev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ebsite Design &amp; Dev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ebsite Design &amp; Dev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Audit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Audit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Audit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Audit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19-10-15T23:59:00.000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Quarters"/>
  <p:tag name="OTLTIMEBANDSHAPETYPE" val="LeafTimeband"/>
  <p:tag name="OTLTIMEBANDSHAPEHEIGHT" val="30"/>
  <p:tag name="OTLTIMEBANDSHAPEPADDINGLEFT" val="13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Audit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Audit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Audit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Audit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Audit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Audit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Audit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Audit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Audit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ebsite Design &amp; Dev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ebsite Design &amp; Dev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ebsite Design &amp; Dev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Audit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59</Words>
  <Application>Microsoft Macintosh PowerPoint</Application>
  <PresentationFormat>Breitbild</PresentationFormat>
  <Paragraphs>49</Paragraphs>
  <Slides>1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4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HELVETICA NEUE CONDENSED</vt:lpstr>
      <vt:lpstr>2_Office Theme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1:18Z</dcterms:created>
  <dcterms:modified xsi:type="dcterms:W3CDTF">2023-04-23T14:09:07Z</dcterms:modified>
</cp:coreProperties>
</file>